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827"/>
  <workbookPr autoCompressPictures="0"/>
  <mc:AlternateContent xmlns:mc="http://schemas.openxmlformats.org/markup-compatibility/2006">
    <mc:Choice Requires="x15">
      <x15ac:absPath xmlns:x15ac="http://schemas.microsoft.com/office/spreadsheetml/2010/11/ac" url="C:\Users\s431240\Dropbox\2017 RWS\RWS Data\RWS DataTables\Data Tables by Regions and Groups\RDAsLGAs regions\"/>
    </mc:Choice>
  </mc:AlternateContent>
  <xr:revisionPtr revIDLastSave="0" documentId="13_ncr:1_{8D2F5275-AE2B-420B-8EF5-DE763A4D008A}" xr6:coauthVersionLast="37" xr6:coauthVersionMax="37" xr10:uidLastSave="{00000000-0000-0000-0000-000000000000}"/>
  <bookViews>
    <workbookView xWindow="2085" yWindow="225" windowWidth="20370" windowHeight="1170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79021"/>
</workbook>
</file>

<file path=xl/sharedStrings.xml><?xml version="1.0" encoding="utf-8"?>
<sst xmlns="http://schemas.openxmlformats.org/spreadsheetml/2006/main" count="2644" uniqueCount="513">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ommunity wellbeing measures </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Access to food and retail shop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spending time with friends and family' scale is presented individually</t>
  </si>
  <si>
    <t>Each individual item used to create the 'getting involved' scale is presented individually</t>
  </si>
  <si>
    <t>Participation in volunteering - distribution of responses</t>
  </si>
  <si>
    <t>Access to roads and public transport (average score, from a possible 1-7)</t>
  </si>
  <si>
    <t>Access to food and retail shops  (average score, from a possible 1-7)</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Roads
(Measured 'very poor' (1) to 'very good' (7))</t>
  </si>
  <si>
    <t>Public transport (including taxis, buses, trains)
(Measured 'very poor' (1) to 'very good' (7))</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were very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t>
  </si>
  <si>
    <t>Eudaimonic Wellbeing Domains</t>
  </si>
  <si>
    <t xml:space="preserve">To what extent do you feel the things you do in your life are worthwhile?
</t>
  </si>
  <si>
    <t>How much do you feel your life has purpose?</t>
  </si>
  <si>
    <t xml:space="preserve">How meaningful does your life feel?
</t>
  </si>
  <si>
    <t>I would recommend my community to others as a good place to live
(Measured 'strongly disagree' (1) to 'strongly agree' (7))</t>
  </si>
  <si>
    <t>Migration</t>
  </si>
  <si>
    <t>People shifting away from the area
(measured 'not a problem' (1) to 'very big problem' (7))</t>
  </si>
  <si>
    <t>Local employment opportunities</t>
  </si>
  <si>
    <t>Availability of local jobs
(Measured 'very poor' (1) to 'very good' (7))</t>
  </si>
  <si>
    <t>% residents who rated it as poor</t>
  </si>
  <si>
    <t xml:space="preserve">% residents who rated it as neither poor or good </t>
  </si>
  <si>
    <t>% residents who rated it as good</t>
  </si>
  <si>
    <t>I have the skills and education I need to achieve what I want to in life
(Measured 'strongly disagree' (1) to 'strongly agree' (7))</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I can get involved in local decision-making processes if I want to.
Responses to these statements were averaged to form a single measure, from 1 (low feelings of having a say and being heard) to 7 (high feelings of having a say and being heard).</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Quality of community events</t>
  </si>
  <si>
    <t>Community events e.g. festivals
'(Measured 'very poor' (1) to 'very good' (7))</t>
  </si>
  <si>
    <t>% residents who rated quality of community events poorly</t>
  </si>
  <si>
    <t>% residents who rated quality of community events moderately</t>
  </si>
  <si>
    <t>Health services
(Measured 'very poor' (1) to 'very good' (7))</t>
  </si>
  <si>
    <t>Local schools
(Measured 'very poor' (1) to 'very good' (7))</t>
  </si>
  <si>
    <t>Access to health and education services</t>
  </si>
  <si>
    <t>Availability of good local restaurants/cafes
(Measured 'very poor' (1) to 'very good' (7))</t>
  </si>
  <si>
    <t>Lack of affordable food/groceries at local shops
(Measured 'not a problem' (1) to 'very big problem' (7))</t>
  </si>
  <si>
    <t>Access to local government services</t>
  </si>
  <si>
    <t>Local government services
(Measured 'very poor' (1) to 'very good' (7))</t>
  </si>
  <si>
    <t>Mobile phone reception
(Measured 'very poor' (1) to 'very good' (7))</t>
  </si>
  <si>
    <t>Internet access
(Measured 'very poor' (1) to 'very good' (7))</t>
  </si>
  <si>
    <t>Access to telecommunications
(average score, from a possible 1-7)</t>
  </si>
  <si>
    <t>Measured from 1 (low levels of telecommunications) to 7 (high levels of telecommunications)</t>
  </si>
  <si>
    <t>Attractiveness of the local landscape
(Measured 'very poor' (1) to 'very good' (7))</t>
  </si>
  <si>
    <t>Local climate and weather
(Measured 'very poor' (1) to 'very good' (7))</t>
  </si>
  <si>
    <t>Water quality in local rivers and lakes
(Measured 'very poor' (1) to 'very good' (7))</t>
  </si>
  <si>
    <t>Health of the local environment
(Measured 'very poor' (1) to 'very good' (7))</t>
  </si>
  <si>
    <t>Eudaimonic Wellbeing Index</t>
  </si>
  <si>
    <t>Eudaimonic Wellbeing Index
(average score, from a possible 0-100)</t>
  </si>
  <si>
    <t xml:space="preserve">
</t>
  </si>
  <si>
    <t xml:space="preserve">Each individual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he extent of a person’s involvement in local community activities was examined by asking survey participants how frequently they took part in the following types of activities, on a scale from 'never or almost never' (1) to 'all the time' (7): (i) I attend meetings/social events of local clubs/groups e.g. Lions, CWA; and (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meetings/social events of local clubs/groups e.g. Lions, CWA; and (ii) I take part in sports groups or teams.</t>
  </si>
  <si>
    <t>To what extent are the following problems/challenges in your community at the moment? - Conflict/disagreement between some people
(Measured 'not a problem' (1) to 'very big problem' (7))</t>
  </si>
  <si>
    <t>Confidence interval for % who rated it as poor</t>
  </si>
  <si>
    <t>Confidence interval for % who rated it as neither poor or good</t>
  </si>
  <si>
    <t>Confidence interval for % who  rated it as good</t>
  </si>
  <si>
    <t>Confidence interval for % who  stated 'don’t' know'</t>
  </si>
  <si>
    <t>Confidence interval for % who  rated it as a problem</t>
  </si>
  <si>
    <t>Confidence interval for % who rated quality of community events poorly</t>
  </si>
  <si>
    <t>Confidence interval for % who rated quality of community events moderately</t>
  </si>
  <si>
    <t>Confidence interval for % who  rated the quality of events highly</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 residents who indicated they were very comfortable (5) or prosperous (6)</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it as a problem</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Environmental degradation
(Measured 'not a problem' (1) to 'very big problem' (7))</t>
  </si>
  <si>
    <t>Confidence interval for % who rated problem</t>
  </si>
  <si>
    <t>% residents who rated it as not a problem</t>
  </si>
  <si>
    <t>% residents who rated it as neither a problem or not a problem</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Equity and inclusion was measured by asking survey participants about the extend of problems/challenges in their community at the moment on a scale from 'not a problem' (1)  to  'very big problem' (7) and included: Conflict/disagreement between some people. Responses to this statement had the scoring reversed, so that low scores indicated poor equity and low inclusion, and high scores indicated high levels of equity and inclusion. 
Responses were reported as an average and at the proportional level of disagree/neither/agree.</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I can get involved in local decision-making processes if I want to.
Responses were reported at the proportional level of disagree/neither/agree.</t>
  </si>
  <si>
    <t>The community wellbeing questions were measured on a 7-point scale, from 'strongly disagree' (1) to 'strongly agree' (7), and included: 
(i) This community copes well when faced with challenges, (ii) I would recommend my community to others as a good place to live. 
Responses were reported as an average and at the proportional level of disagree/neither/agre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Responses were reported as an average and at the proportional level of getting worse/neither/getting better.</t>
  </si>
  <si>
    <t>Migration questions were measured using two 7-point scales. One measured the level of satisfaction from 'strongly disagree' (1) to 'strongly agree' (7), and included 'If I could, I would shift to live in another community'. 
The other measured the extend of problems/challenges in their community at the moment on a scale from 'not a problem' (1)  to  'very big problem' (7) and included 'People shifting away from the area'.
Responses were reported as an average and at the proportional level of disagree/neither/agree and not a problem/low problem/moderate problem/problem.</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residents who rated quality of community events as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A person’s sense of belonging was measured by asking survey participants how much they agreed with the following three statements, from 'strongly disagree' (1) to 'strongly agree' (7): (i) I feel welcome here. 
Responses were reported as an average and at the proportional level of disagree/neither/agree.</t>
  </si>
  <si>
    <t>If I could, I would shift to live in another community
(measured 'strongly disagree' (1) to 'strongly agree' (7))</t>
  </si>
  <si>
    <t>Lack of job opportunities
(Measured 'not a problem' (1) to 'very big problem' (7))</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Confidence interval for % who rated it as neither a problem or not a problem</t>
  </si>
  <si>
    <t>Confidence interval for % Never/rarely</t>
  </si>
  <si>
    <t>Confidence interval for % Sometimes</t>
  </si>
  <si>
    <t>Confidence interval for % regularly/all the time</t>
  </si>
  <si>
    <t>% residents who reported a score of 0 to 6</t>
  </si>
  <si>
    <t>% residents who reported a score of 7 to 8</t>
  </si>
  <si>
    <t>% residents who reported a score of 9 to 10</t>
  </si>
  <si>
    <t>Wellbeing-  Emotional Affect Index - distribution of responses</t>
  </si>
  <si>
    <t>% residents who had a score of  0 to 6</t>
  </si>
  <si>
    <t>% residents who had a score of 7 to 8</t>
  </si>
  <si>
    <t>% residents who had a score of 9 to 10</t>
  </si>
  <si>
    <t>% residents who rated access as problem</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Each individual item used to create the 'emotional affect index' is presented individuall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Environmental degradation - new grouping
(Measured 'not a problem' (1) to 'very big problem' (7))</t>
  </si>
  <si>
    <t>% residents who rated it as a large problem</t>
  </si>
  <si>
    <t>Confidence interval for % who rated it as a large problem</t>
  </si>
  <si>
    <t>% residents who rated it as no/low problem</t>
  </si>
  <si>
    <t>Confidence interval for % who rated it as no/low problem</t>
  </si>
  <si>
    <t xml:space="preserve">Self-efficacy </t>
  </si>
  <si>
    <t xml:space="preserve">Self-efficacy measures </t>
  </si>
  <si>
    <t xml:space="preserve">Crime and safety in the local community </t>
  </si>
  <si>
    <t xml:space="preserve">Perceived environmental health </t>
  </si>
  <si>
    <t>Australia</t>
  </si>
  <si>
    <t>Regional Australia</t>
  </si>
  <si>
    <t>Urban Australia</t>
  </si>
  <si>
    <t>New South Wales</t>
  </si>
  <si>
    <t>Regional New South Wales</t>
  </si>
  <si>
    <t>Cabonne &amp; Orange (LGAs)</t>
  </si>
  <si>
    <t>Cowra, Forbes, Lachlan, Parkes &amp; Weddin (LGAs)</t>
  </si>
  <si>
    <t>Far West &amp; Orana - Western parts (LGAs)</t>
  </si>
  <si>
    <t>Gilgandra, Mid-Western, Narromine &amp; Warrumbungle (LGAs)</t>
  </si>
  <si>
    <t>Hunter exc. Lake Macquarie (LGAs)</t>
  </si>
  <si>
    <t>Lake Macquarie (LGA)</t>
  </si>
  <si>
    <t>Northern Inland - eastern part (LGAs)</t>
  </si>
  <si>
    <t>Northern Inland - western part (LGAs)</t>
  </si>
  <si>
    <t>Tamworth Regional (LGA)</t>
  </si>
  <si>
    <t>Measured from 0 (low emotional affect) to 10 (high emotional affect)</t>
  </si>
  <si>
    <t>Central West (RDA)</t>
  </si>
  <si>
    <t>Hunter (RDA)</t>
  </si>
  <si>
    <t>Mid North Coast (RDA)</t>
  </si>
  <si>
    <t>Northern Inland (RDA)</t>
  </si>
  <si>
    <t>Northern Rivers (RDA)</t>
  </si>
  <si>
    <t xml:space="preserve">Australia includes all of Australia, including all of the major cities. In total, 11,074 people from Australia took part in the 2017 Regional Wellbeing Survey, although not all these people answered every question on the survey. </t>
  </si>
  <si>
    <t xml:space="preserve">Urban Australia includes the cities and surrounding suburban areas of Sydney, Melbourne, Adelaide, Brisbane, Perth and Canberra. In total, 1991 people from these cities took part in the 2017 Regional Wellbeing Survey, although not all these people answered every question on the survey. </t>
  </si>
  <si>
    <t>New South Wales (NSW)</t>
  </si>
  <si>
    <t>Regional NSW</t>
  </si>
  <si>
    <t>About the region: Northern New South Wales</t>
  </si>
  <si>
    <t>Sydney (RDA)</t>
  </si>
  <si>
    <t xml:space="preserve">Cabonne &amp; Orange are LGAs located in the central part of New South Wales. In total, 147 people who lived in these LGAs took part in the 2017 Regional Wellbeing Survey. </t>
  </si>
  <si>
    <t xml:space="preserve">The Central West region is a Regional Development Australia region located in the central part of New South Wales. The region includes the local government areas (LGAs) of Bathurst, Blayney, Cabonne, Cowra, Forbes, Lachlan, Lithgow, Oberon, Orange, Parkes and Weddin. In total, 296 people who live in this region took part in the 2017 Regional Wellbeing Survey. </t>
  </si>
  <si>
    <t>Dubbo Regional (LGA)</t>
  </si>
  <si>
    <t xml:space="preserve">The Hunter region is a Regional Development Australia region located in the east of New South Wales. The region includes the local government areas (LGAs) of Cessnock, Dungog, Lake Macquarie, Maitland, Mid-Coast, Muswellbrook, Port Stephens and Upper Hunter. In total, 311 people who live in this region took part in the 2017 Regional Wellbeing Survey. </t>
  </si>
  <si>
    <t>Lake Macquarie is an LGA located in the east of New South Wales. In total, 151 people who live in this LGA took part in the 2017 Regional Wellbeing Survey.</t>
  </si>
  <si>
    <t xml:space="preserve">Hunter (exc. Lake Macquarie) is a group of LGAs located in the east of New South Wales, and include the LGAs of Cessnock, Dungog, Maitland, Mid-Coast, Muswellbrook, Port Stephens and Upper Hunter. In total, 160 people who live in these LGAs took part in the 2017 Regional Wellbeing Survey. </t>
  </si>
  <si>
    <t xml:space="preserve">The Northern Inland region is a Regional Development Australia region located in the north east of New South Wales. The region includes the local government areas (LGAs) of Armidale, Glen Innes Severn, Gunnedah, Gwydir, Inverell, Liverpool Plains, Moree Plains, Narrabri, Tamworth, Tenterfield,  Uralla and Walcha. In total, 325 people who live in this region took part in the 2017 Regional Wellbeing Survey. </t>
  </si>
  <si>
    <t>Tamworth Regional is an LGA located in the north east of New South Wales. In total, 95 people who live in this LGA took part in the 2017 Regional Wellbeing Survey.</t>
  </si>
  <si>
    <t xml:space="preserve">The Northern Rivers region is a Regional Development Australia region located in the north east of New South Wales. The region includes the local government areas (LGAs) of Ballina, Byron, Clarence Valley, Kyogle, Lismore, Richmond Valley and Tweed. In total, 101 people who live in this region took part in the 2017 Regional Wellbeing Survey. </t>
  </si>
  <si>
    <t xml:space="preserve">The Sydney region is a Regional Development Australia region located in the east of New South Wales. In total, 371 people who live in this region took part in the 2017 Regional Wellbeing Survey. </t>
  </si>
  <si>
    <t xml:space="preserve">Cowra, Forbes, Lachlan, Parkes &amp; Weddin are LGAs located in the central part of New South Wales. In total, 94 people who live in these LGAs took part in the 2017 Regional Wellbeing Survey. </t>
  </si>
  <si>
    <t xml:space="preserve">New South Wales (NSW) includes all of NSW, including the large metropolitan areas of Sydney and surrounding suburban areas. In total, 3090 people from NSW took part in the 2017 Regional Wellbeing Survey, although not all these people answered every question on the survey.  </t>
  </si>
  <si>
    <t xml:space="preserve">Regional New South Wales (NSW) includes all of NSW except the large metropolitan areas of Sydney and surrounding suburban areas. In total, 2497 people who live in regional NSW took part in the 2017 Regional Wellbeing Survey, although not all these people answered every question on the survey. </t>
  </si>
  <si>
    <t xml:space="preserve">Regional Australia includes all of Australia except the cities of Sydney, Melbourne, Adelaide, Brisbane, Perth and Canberra. In total, 8920 people from regional Australia took part in the 2017 Regional Wellbeing Survey, although not all these people answered every question on the survey. </t>
  </si>
  <si>
    <t>This file provides data from the 2017 Regional Wellbeing Survey for northern New South Wales (NSW).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NSW; (v) regional NSW; and (vi) the Regional Development Australia (RDA) regions of Central West, Far West and Orana, Hunter, Mid North Coast, Northern Inland, Northern Rivers and Sydney.</t>
  </si>
  <si>
    <t>Far West &amp; Orana (RDAs)</t>
  </si>
  <si>
    <t>Dubbo Regional is an LGA located in the central part of New South Wales, and is formerly known as Western Plains Regional. In total, 71 people who live in this LGA took part in the 2017 Regional Wellbeing Survey.</t>
  </si>
  <si>
    <t xml:space="preserve">Gilgandra, Mid-Western, Narromine &amp; Warrumbungle are LGAs located in the central part of New South Wales. In total, 108 people who live in these LGAs took part in the 2017 Regional Wellbeing Survey. </t>
  </si>
  <si>
    <t xml:space="preserve">The Far West &amp; Orana regions are Regional Development Australia regions located in the north and north west of New South Wales. The regions include the local government areas (LGAs) of Bogan, Bourke, Brewarrina, Broken Hill, Central Darling, Cobar, Coonamble, Dubbo Regional, Gilgandra, Mid-Western, Narromine, Unincorporated NSW, Walgett, Warren and Warrumbungle. In total, 266 people who live in this region took part in the 2017 Regional Wellbeing Survey. </t>
  </si>
  <si>
    <t xml:space="preserve">The Mid North Coast region is a Regional Development Australia region located in the north east of New South Wales. The region includes the local government areas (LGAs) of Bellingen, Coffs Harbour, Kempsey, Nambucca and Port Macquarie-Hastings, and part of Mid-Coast. In total, 92 people who live in this region took part in the 2017 Regional Wellbeing Survey. </t>
  </si>
  <si>
    <t>Northern Inland - Eastern part (LGAs)</t>
  </si>
  <si>
    <t xml:space="preserve">The western parts of Far West &amp; Orana are a group of LGAs located in the north west of New South Wales, and include the LGAs of Bogan, Bourke, Brewarrina, Broken Hill, Central Darling, Cobar, Coonamble, Unincorporated NSW, Walgett and Warren. In total, 83 people who live in these LGAs took part in the 2017 Regional Wellbeing Survey. </t>
  </si>
  <si>
    <t xml:space="preserve">The eastern parts of Northern Inland are a group of LGAs located in the north east of New South Wales, and include the LGAs of Armidale, Glen Innes Severn, Inverell, Tenterfield, Uralla and Walcha. In total, 106 people who live in these LGAs took part in the 2017 Regional Wellbeing Survey. </t>
  </si>
  <si>
    <t>Northern Inland - Western part (LGAs)</t>
  </si>
  <si>
    <t xml:space="preserve">The western parts of Northern Inland are a group of LGAs located in the north east of New South Wales, and include the LGAs of Gunnedah, Gwydir, Liverpool Plains, Moree Plains and Narrabri. In total, 124 people who live in these LGAs took part in the 2017 Regional Wellbeing Survey. </t>
  </si>
  <si>
    <t xml:space="preserve">You may reproduce the data in this spreadsheet for any purpose, providing you acknowledge the data source. Data should be cited as being sourced from the 2017 Regional Wellbeing Survey, Northern New South Wales data tables, Version 1.01 August 2018. </t>
  </si>
  <si>
    <t xml:space="preserve">The data in this spreadsheet were produced from the 2017 Regional Wellbeing Survey. Information about the survey is available at www.regionalwellbeing.org.au. </t>
  </si>
  <si>
    <t>The data presented in this spreadsheet are from a survey of adult residents of this region. All surveys have some bias in the responses they receive. The 2017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 xml:space="preserve">Explanatory notes </t>
  </si>
  <si>
    <t xml:space="preserve">The economic wellbeing of communities was measured by asking survey participants how much they agreed with the following statements, from  'strongly disagree' (1) to 'strongly agree' (7): (i) Living costs are affordable here e.g. food, petrol, housing and (ii) There are plenty of jobs available around here at the moment.
Responses to these two statements were averaged to form a single measure of community economic wellbeing, measured from 1 (low levels of community economic wellbeing) to 7 (high levels of community economic wellbeing). </t>
  </si>
  <si>
    <t>Local employment opportunities questions were measured using two 7-point scales. One measured 'Availability of local jobs' in the local community from 'very poor' (1) to very good (7).
The other measured the extent the extent to which 'Lack of job opportunities' was a problem in a person's local community, on a scale from 'not a problem' (1) to 'very big problem' (7).
Responses are reported as an average and at the proportional level of poor/neither/good and not a problem/neither/problem.</t>
  </si>
  <si>
    <t>Respondents were asked ‘how would you rate your general health?’, and asked to select one of the following options: poor, fair, good, very good or excellent. 
Responses are reported  as an average and as the % providing each response.</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ndividual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 xml:space="preserve">Respondents were asked to identify how much they agreed or disagreed, on a 7-point scale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Each individual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The human capital available to communities was measured by asking survey participants how much they agreed with the following statement, from 'strongly disagree' (1) to 'strongly agree' (7): (i) 'Local groups and organisations around here are good at getting things done'. Responses are reported at the proportional level of disagree/neither/agree.</t>
  </si>
  <si>
    <t>Informal social connectedness was measured by asking survey participants how often they did the following, on a scale measured from 'never or almost never' (1) to 'all the time' (7):
(i) I make time to keep in touch with my friends and (ii) I spend time doing things with family members who don’t live with me. The ‘friends and family’ measure was calculated as the average of these items, from 1 (low levels of informal social connectedness) to 7 (high levels of informal social connectedness).</t>
  </si>
  <si>
    <t>Each individual item used to create the 'spending time with friends and family' scale is presented individually. 
The questions were measured on a 7-point scale, from 'never' (1) to 'all the time' (7), and were: (i) I make time to keep in touch with my friends; and (ii) I spend time doing things with family members who don’t live with me.</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are reported as an average and at the proportional level of poor/moderate/good.</t>
  </si>
  <si>
    <t xml:space="preserve">Regional and rural Australians were asked to rate the quality of access to (i) health services and (ii) local schools on a 7-point scale, from 'very poor' (1) to 'very good' (7). 
Responses are reported as an average and at the proportional level of poor/neither/good access.
</t>
  </si>
  <si>
    <t>Regional and rural Australians were asked to rate the quality of access to  (i) Roads; and (ii) Public transport (including taxis, buses, trains). 
The questions 'How good or poor are the following things in your local region at the moment?' were measured on a 7-point scale, from 'very poor' (1) to 'very good' (7).
 Responses are reported as an average and at the proportional level of poor/neither/good access.</t>
  </si>
  <si>
    <t xml:space="preserve">Regional and rural Australians were asked to rate the quality of access to (i) good local restaurants/cafes and retail shops (on a scale from 'very poor' (1) to 'very good' (7), and the extent to which 'lack of affordable food/groceries at local shops' was a problem in their community on a scale from 'not a problem' (1) to 'very big problem' (7).
Responses are reported as an average and at the proportional level of poor/neither/good access.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 (i) Mobile phone reception and (ii) internet access. Scores of 1 indicated low quality access and a score of 7 high quality access to telecommunications.
</t>
  </si>
  <si>
    <t>Telecommunications items are reported individually. Each was measured on a 7-point scale, from 'very poor' (1) to 'very good' (7), and included: 
(i) How good or poor are the following things in your local region at the moment - Mobile phone reception and (ii) Internet access
Responses are reported at the proportional level of poor/neither/good access.</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Each individual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The attractiveness of the landscape a person lived in was measured by asking respondents how much they agreed or disagreed with the following statements, measured on a scale of 'very poor' (1) to 'very good' (7): (i) Attractiveness of the local landscape and (i) Local climate and weather.
The ‘landscape and aesthetics’ scale was then constructed as the average score of responses to these items.
</t>
  </si>
  <si>
    <t>Each survey item used to create the 'landscape and aesthetics' scale is presented individually. The questions were measured on a 7-point scale, from 'very poor' (1) to 'very good' (7), and included: 
(i) Attractiveness of the local landscape and (ii) Local climate and weather. Responses are reported as an average and at the proportional level of poor/neither/good.</t>
  </si>
  <si>
    <t xml:space="preserve">Perceived environmental health was measured by asking survey participants (i) the extent to which 'Health of the local environment' was good or poor on a scale from 'very poor' (1) to 'very good' (7), and the extent to which 'Environmental degradation' was a problem on a scale from 'not a problem' (1) to 'very big problem' (7). The average score of these variables was calculated as a measure of perceived environmental health. Scores for the second item were reversed before calculation of the scale, so that a score of 1 represented poor environmental health, and a score of 7 represented good environmental health.
</t>
  </si>
  <si>
    <t xml:space="preserve">Each individual item used to create the 'perceived environmental health' scale is presented individually, together with an additional item asking about perceptions of water quality. 
The questions were measured on two different 7-point scales.  (i) Water quality in local rivers and lakes; (ii) Health of local environment were measured using a 7 point scale 'very poor' (1) to 'very good' (7); and; (iii) Environmental degradation was measured on a scale of 'not a problem' (1) to 'very big problem' (7).
Responses are reported at the proportional level of poor/neither/good access and not a problem/neither/proble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37">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1" fillId="0" borderId="0"/>
    <xf numFmtId="0" fontId="31" fillId="0" borderId="0"/>
  </cellStyleXfs>
  <cellXfs count="390">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8" applyFont="1" applyFill="1" applyBorder="1" applyAlignment="1">
      <alignment horizontal="left" vertical="top" wrapText="1"/>
    </xf>
    <xf numFmtId="168" fontId="18" fillId="6" borderId="1" xfId="28" applyNumberFormat="1" applyFont="1" applyFill="1" applyBorder="1" applyAlignment="1">
      <alignment horizontal="left" vertical="top" wrapText="1"/>
    </xf>
    <xf numFmtId="168" fontId="19" fillId="6" borderId="1" xfId="28"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8"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8"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8"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8" quotePrefix="1" applyFont="1" applyFill="1" applyBorder="1" applyAlignment="1">
      <alignment horizontal="left" vertical="top" wrapText="1"/>
    </xf>
    <xf numFmtId="0" fontId="18" fillId="7" borderId="1" xfId="28" applyFont="1" applyFill="1" applyBorder="1" applyAlignment="1">
      <alignment horizontal="left" vertical="top" wrapText="1"/>
    </xf>
    <xf numFmtId="168" fontId="18" fillId="7" borderId="1" xfId="28" applyNumberFormat="1" applyFont="1" applyFill="1" applyBorder="1" applyAlignment="1">
      <alignment horizontal="left" vertical="top" wrapText="1"/>
    </xf>
    <xf numFmtId="168" fontId="19" fillId="7" borderId="1" xfId="28"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8"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2"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5" fontId="20" fillId="0" borderId="1" xfId="29"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5" fontId="20" fillId="4" borderId="1" xfId="29"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29"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7" fontId="19" fillId="7" borderId="1" xfId="28" applyNumberFormat="1" applyFont="1" applyFill="1" applyBorder="1" applyAlignment="1">
      <alignment horizontal="left" vertical="top" wrapText="1"/>
    </xf>
    <xf numFmtId="167" fontId="19" fillId="6" borderId="1" xfId="28"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7"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3" applyNumberFormat="1" applyFont="1" applyFill="1" applyBorder="1" applyAlignment="1">
      <alignment horizontal="left" vertical="center"/>
    </xf>
    <xf numFmtId="168" fontId="20"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3" applyNumberFormat="1" applyFont="1" applyFill="1" applyBorder="1" applyAlignment="1">
      <alignment horizontal="left" vertical="center"/>
    </xf>
    <xf numFmtId="164" fontId="20" fillId="0" borderId="1" xfId="33" applyNumberFormat="1" applyFont="1" applyFill="1" applyBorder="1" applyAlignment="1">
      <alignment horizontal="left" vertical="center"/>
    </xf>
    <xf numFmtId="164" fontId="20" fillId="4" borderId="1" xfId="33"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8"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8"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5" applyNumberFormat="1" applyFont="1" applyFill="1" applyBorder="1" applyAlignment="1">
      <alignment horizontal="left" vertical="center"/>
    </xf>
    <xf numFmtId="164" fontId="20" fillId="0" borderId="1" xfId="35" applyNumberFormat="1" applyFont="1" applyFill="1" applyBorder="1" applyAlignment="1">
      <alignment horizontal="left" vertical="center"/>
    </xf>
    <xf numFmtId="165" fontId="20" fillId="4" borderId="1" xfId="35"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1" applyNumberFormat="1" applyFont="1" applyFill="1" applyBorder="1" applyAlignment="1">
      <alignment horizontal="left" vertical="center"/>
    </xf>
    <xf numFmtId="165" fontId="20" fillId="4" borderId="1" xfId="31" applyNumberFormat="1" applyFont="1" applyFill="1" applyBorder="1" applyAlignment="1">
      <alignment horizontal="left" vertical="center"/>
    </xf>
    <xf numFmtId="164" fontId="20" fillId="0" borderId="1" xfId="31" applyNumberFormat="1" applyFont="1" applyFill="1" applyBorder="1" applyAlignment="1">
      <alignment horizontal="left" vertical="center"/>
    </xf>
    <xf numFmtId="164" fontId="20" fillId="4" borderId="1" xfId="31"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164" fontId="20" fillId="0" borderId="1" xfId="17" applyNumberFormat="1" applyFont="1" applyFill="1" applyBorder="1" applyAlignment="1">
      <alignment horizontal="left" vertical="center"/>
    </xf>
    <xf numFmtId="164" fontId="20"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vertical="center" wrapText="1"/>
    </xf>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applyAlignment="1">
      <alignment horizontal="left"/>
    </xf>
    <xf numFmtId="0" fontId="32" fillId="3" borderId="0" xfId="1" applyFont="1" applyFill="1"/>
    <xf numFmtId="0" fontId="32" fillId="3" borderId="0" xfId="1" quotePrefix="1" applyFont="1" applyFill="1"/>
    <xf numFmtId="1" fontId="32" fillId="3" borderId="0" xfId="1" applyNumberFormat="1" applyFont="1" applyFill="1" applyAlignment="1">
      <alignment horizontal="left"/>
    </xf>
    <xf numFmtId="0" fontId="33" fillId="3" borderId="0" xfId="0" applyFont="1" applyFill="1" applyAlignment="1">
      <alignment horizontal="left" wrapText="1"/>
    </xf>
    <xf numFmtId="0" fontId="26"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5" fillId="0" borderId="0" xfId="3"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165" fontId="20" fillId="0" borderId="0" xfId="23" applyNumberFormat="1" applyFont="1" applyFill="1" applyBorder="1" applyAlignment="1">
      <alignment horizontal="left" vertical="center"/>
    </xf>
    <xf numFmtId="166" fontId="20" fillId="0" borderId="0" xfId="23" applyNumberFormat="1" applyFont="1" applyFill="1" applyBorder="1" applyAlignment="1">
      <alignment horizontal="left" vertical="center"/>
    </xf>
    <xf numFmtId="164" fontId="20" fillId="0" borderId="0" xfId="23" applyNumberFormat="1" applyFont="1" applyFill="1" applyBorder="1" applyAlignment="1">
      <alignment horizontal="left" vertical="center"/>
    </xf>
    <xf numFmtId="0" fontId="15" fillId="0" borderId="0" xfId="4" quotePrefix="1" applyFont="1" applyFill="1" applyBorder="1" applyAlignment="1">
      <alignment vertical="top" wrapText="1"/>
    </xf>
    <xf numFmtId="0" fontId="14" fillId="0" borderId="0" xfId="0" applyFont="1" applyFill="1" applyBorder="1" applyAlignment="1">
      <alignment horizontal="left" vertical="top"/>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0" fontId="15" fillId="0" borderId="0" xfId="3" applyFont="1" applyFill="1" applyBorder="1" applyAlignment="1">
      <alignment vertical="top" wrapText="1"/>
    </xf>
    <xf numFmtId="167" fontId="19" fillId="7" borderId="3" xfId="28"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28" applyFont="1" applyFill="1" applyBorder="1" applyAlignment="1">
      <alignment vertical="top" wrapText="1"/>
    </xf>
    <xf numFmtId="167" fontId="15" fillId="0" borderId="0" xfId="28" applyNumberFormat="1" applyFont="1" applyFill="1" applyBorder="1" applyAlignment="1">
      <alignment vertical="top" wrapText="1"/>
    </xf>
    <xf numFmtId="167" fontId="14" fillId="0" borderId="0" xfId="0" applyNumberFormat="1" applyFont="1" applyFill="1" applyBorder="1" applyAlignment="1">
      <alignment vertical="top"/>
    </xf>
    <xf numFmtId="0" fontId="15" fillId="0" borderId="0" xfId="5" quotePrefix="1" applyFont="1" applyFill="1" applyBorder="1" applyAlignment="1">
      <alignment vertical="top" wrapText="1"/>
    </xf>
    <xf numFmtId="0" fontId="19" fillId="6" borderId="1" xfId="28"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8"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8"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8" applyNumberFormat="1" applyFont="1" applyFill="1" applyBorder="1" applyAlignment="1">
      <alignment horizontal="left" vertical="center"/>
    </xf>
    <xf numFmtId="167" fontId="20" fillId="4" borderId="1" xfId="28"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2" applyNumberFormat="1" applyFont="1" applyFill="1" applyBorder="1" applyAlignment="1">
      <alignment horizontal="left" vertical="center"/>
    </xf>
    <xf numFmtId="167" fontId="20" fillId="0" borderId="1" xfId="32"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2" applyNumberFormat="1" applyFont="1" applyFill="1" applyBorder="1" applyAlignment="1">
      <alignment horizontal="left" vertical="center"/>
    </xf>
    <xf numFmtId="167" fontId="20" fillId="4" borderId="1" xfId="32"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vertical="top" wrapText="1"/>
    </xf>
    <xf numFmtId="0" fontId="26" fillId="3" borderId="0" xfId="0" applyFont="1" applyFill="1" applyBorder="1" applyAlignment="1">
      <alignment vertical="top" wrapText="1"/>
    </xf>
    <xf numFmtId="0" fontId="27" fillId="3" borderId="0" xfId="0" applyFont="1" applyFill="1" applyBorder="1" applyAlignment="1">
      <alignment wrapText="1"/>
    </xf>
    <xf numFmtId="0" fontId="5" fillId="2" borderId="0" xfId="0" applyFont="1" applyFill="1" applyAlignment="1">
      <alignment wrapText="1"/>
    </xf>
    <xf numFmtId="0" fontId="26" fillId="3" borderId="0" xfId="0" applyFont="1" applyFill="1" applyAlignment="1">
      <alignment vertical="center" wrapText="1"/>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0" fontId="8" fillId="3" borderId="0" xfId="0" applyFont="1" applyFill="1" applyAlignment="1">
      <alignment horizontal="left"/>
    </xf>
    <xf numFmtId="0" fontId="13" fillId="3" borderId="0" xfId="0" applyFont="1" applyFill="1" applyAlignment="1">
      <alignment horizontal="left"/>
    </xf>
    <xf numFmtId="0" fontId="16" fillId="5" borderId="3" xfId="28" quotePrefix="1" applyFont="1" applyFill="1" applyBorder="1" applyAlignment="1">
      <alignment vertical="top" wrapText="1"/>
    </xf>
    <xf numFmtId="0" fontId="16" fillId="5" borderId="4" xfId="28" quotePrefix="1" applyFont="1" applyFill="1" applyBorder="1" applyAlignment="1">
      <alignment vertical="top" wrapText="1"/>
    </xf>
    <xf numFmtId="0" fontId="16" fillId="5" borderId="5" xfId="28" quotePrefix="1" applyFont="1" applyFill="1" applyBorder="1" applyAlignment="1">
      <alignment vertical="top" wrapText="1"/>
    </xf>
    <xf numFmtId="0" fontId="16" fillId="5" borderId="6" xfId="28" quotePrefix="1" applyFont="1" applyFill="1" applyBorder="1" applyAlignment="1">
      <alignment horizontal="left" vertical="top" wrapText="1"/>
    </xf>
    <xf numFmtId="0" fontId="16" fillId="5" borderId="2" xfId="28" quotePrefix="1" applyFont="1" applyFill="1" applyBorder="1" applyAlignment="1">
      <alignment horizontal="left" vertical="top" wrapText="1"/>
    </xf>
    <xf numFmtId="0" fontId="16" fillId="5" borderId="3" xfId="28" quotePrefix="1" applyFont="1" applyFill="1" applyBorder="1" applyAlignment="1">
      <alignment horizontal="center" vertical="top" wrapText="1"/>
    </xf>
    <xf numFmtId="0" fontId="16" fillId="5" borderId="4" xfId="28" quotePrefix="1" applyFont="1" applyFill="1" applyBorder="1" applyAlignment="1">
      <alignment horizontal="center" vertical="top" wrapText="1"/>
    </xf>
    <xf numFmtId="0" fontId="16" fillId="5" borderId="5" xfId="28" quotePrefix="1" applyFont="1" applyFill="1" applyBorder="1" applyAlignment="1">
      <alignment horizontal="center" vertical="top" wrapText="1"/>
    </xf>
    <xf numFmtId="0" fontId="15" fillId="0" borderId="2" xfId="28" quotePrefix="1" applyFont="1" applyFill="1" applyBorder="1" applyAlignment="1">
      <alignment horizontal="left" vertical="top" wrapText="1"/>
    </xf>
    <xf numFmtId="0" fontId="14" fillId="4" borderId="0" xfId="0" applyFont="1" applyFill="1" applyBorder="1" applyAlignment="1">
      <alignment horizontal="left" vertical="top"/>
    </xf>
    <xf numFmtId="0" fontId="14" fillId="4" borderId="0" xfId="0" applyFont="1" applyFill="1" applyBorder="1" applyAlignment="1">
      <alignment vertical="top"/>
    </xf>
    <xf numFmtId="0" fontId="16" fillId="5" borderId="3" xfId="28" quotePrefix="1" applyFont="1" applyFill="1" applyBorder="1" applyAlignment="1">
      <alignment horizontal="left" vertical="top" wrapText="1"/>
    </xf>
    <xf numFmtId="0" fontId="16" fillId="5" borderId="4" xfId="28" quotePrefix="1" applyFont="1" applyFill="1" applyBorder="1" applyAlignment="1">
      <alignment horizontal="left" vertical="top" wrapText="1"/>
    </xf>
    <xf numFmtId="0" fontId="16" fillId="5" borderId="5" xfId="28" quotePrefix="1" applyFont="1" applyFill="1" applyBorder="1" applyAlignment="1">
      <alignment horizontal="left" vertical="top" wrapText="1"/>
    </xf>
    <xf numFmtId="0" fontId="15" fillId="0" borderId="0" xfId="28" applyFont="1" applyFill="1" applyBorder="1" applyAlignment="1">
      <alignment horizontal="left" vertical="top" wrapText="1"/>
    </xf>
    <xf numFmtId="0" fontId="15" fillId="0" borderId="0" xfId="28" quotePrefix="1" applyFont="1" applyFill="1" applyBorder="1" applyAlignment="1">
      <alignment horizontal="left" vertical="top" wrapText="1"/>
    </xf>
    <xf numFmtId="0" fontId="15" fillId="0" borderId="0" xfId="28" quotePrefix="1" applyFont="1" applyFill="1" applyBorder="1" applyAlignment="1">
      <alignment vertical="top" wrapText="1"/>
    </xf>
    <xf numFmtId="167" fontId="14" fillId="4" borderId="0" xfId="0" applyNumberFormat="1" applyFont="1" applyFill="1" applyBorder="1" applyAlignment="1">
      <alignment vertical="top"/>
    </xf>
    <xf numFmtId="0" fontId="15" fillId="0" borderId="2"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wrapText="1"/>
    </xf>
    <xf numFmtId="0" fontId="16" fillId="5" borderId="5" xfId="2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6" applyFont="1" applyFill="1" applyBorder="1" applyAlignment="1">
      <alignment vertical="top" wrapText="1"/>
    </xf>
    <xf numFmtId="0" fontId="16" fillId="5" borderId="2" xfId="6" applyFont="1" applyFill="1" applyBorder="1" applyAlignment="1">
      <alignmen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0" xfId="2" applyFont="1" applyFill="1" applyBorder="1" applyAlignment="1">
      <alignment vertical="top" wrapText="1"/>
    </xf>
    <xf numFmtId="0" fontId="16" fillId="5" borderId="3" xfId="26" applyFont="1" applyFill="1" applyBorder="1" applyAlignment="1">
      <alignment vertical="top" wrapText="1"/>
    </xf>
    <xf numFmtId="0" fontId="16" fillId="5" borderId="4" xfId="26" applyFont="1" applyFill="1" applyBorder="1" applyAlignment="1">
      <alignment vertical="top" wrapText="1"/>
    </xf>
    <xf numFmtId="0" fontId="16" fillId="5" borderId="5" xfId="26" applyFont="1" applyFill="1" applyBorder="1" applyAlignment="1">
      <alignment vertical="top" wrapText="1"/>
    </xf>
    <xf numFmtId="0" fontId="15" fillId="0" borderId="0" xfId="2"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3" xfId="27" applyFont="1" applyFill="1" applyBorder="1" applyAlignment="1">
      <alignment vertical="top" wrapText="1"/>
    </xf>
    <xf numFmtId="0" fontId="16" fillId="5" borderId="4" xfId="27" applyFont="1" applyFill="1" applyBorder="1" applyAlignment="1">
      <alignment vertical="top" wrapText="1"/>
    </xf>
    <xf numFmtId="0" fontId="30" fillId="0" borderId="2" xfId="2" quotePrefix="1" applyFont="1" applyFill="1" applyBorder="1" applyAlignment="1">
      <alignment horizontal="lef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6" xfId="5" applyFont="1" applyFill="1" applyBorder="1" applyAlignment="1">
      <alignment vertical="top" wrapText="1"/>
    </xf>
    <xf numFmtId="0" fontId="16" fillId="5" borderId="2" xfId="5" applyFont="1" applyFill="1" applyBorder="1" applyAlignment="1">
      <alignment vertical="top"/>
    </xf>
    <xf numFmtId="0" fontId="15" fillId="0" borderId="0" xfId="5" quotePrefix="1" applyFont="1" applyFill="1" applyBorder="1" applyAlignment="1">
      <alignment vertical="top" wrapText="1"/>
    </xf>
    <xf numFmtId="0" fontId="16" fillId="5" borderId="2" xfId="5" applyFont="1" applyFill="1" applyBorder="1" applyAlignment="1">
      <alignment vertical="top" wrapText="1"/>
    </xf>
    <xf numFmtId="0" fontId="16" fillId="5" borderId="1" xfId="23"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0" xfId="4" quotePrefix="1" applyFont="1" applyFill="1" applyBorder="1" applyAlignment="1">
      <alignment vertical="top" wrapText="1"/>
    </xf>
    <xf numFmtId="0" fontId="15" fillId="0" borderId="2" xfId="5"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16" fillId="5" borderId="1" xfId="0" applyFont="1" applyFill="1" applyBorder="1" applyAlignment="1">
      <alignment horizontal="left" vertical="top"/>
    </xf>
    <xf numFmtId="0" fontId="15" fillId="0" borderId="0" xfId="5" quotePrefix="1"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1" xfId="0" applyFont="1" applyFill="1" applyBorder="1" applyAlignment="1">
      <alignment horizontal="left" vertical="top" wrapText="1"/>
    </xf>
    <xf numFmtId="0" fontId="15" fillId="0" borderId="2" xfId="5" quotePrefix="1" applyFont="1" applyFill="1" applyBorder="1" applyAlignment="1">
      <alignment vertical="top" wrapText="1"/>
    </xf>
    <xf numFmtId="0" fontId="16" fillId="5" borderId="3" xfId="0" applyFont="1" applyFill="1" applyBorder="1" applyAlignment="1">
      <alignment vertical="top"/>
    </xf>
    <xf numFmtId="0" fontId="16" fillId="5" borderId="4" xfId="0" applyFont="1" applyFill="1" applyBorder="1" applyAlignment="1">
      <alignment vertical="top"/>
    </xf>
    <xf numFmtId="0" fontId="16" fillId="5" borderId="5" xfId="0" applyFont="1" applyFill="1" applyBorder="1" applyAlignment="1">
      <alignment vertical="top"/>
    </xf>
    <xf numFmtId="0" fontId="15" fillId="0" borderId="0" xfId="7" quotePrefix="1" applyFont="1" applyFill="1" applyBorder="1" applyAlignment="1">
      <alignment vertical="top" wrapText="1"/>
    </xf>
    <xf numFmtId="0" fontId="15" fillId="0" borderId="0" xfId="4" quotePrefix="1" applyFont="1" applyFill="1" applyBorder="1" applyAlignment="1">
      <alignment horizontal="left" vertical="top" wrapText="1"/>
    </xf>
    <xf numFmtId="0" fontId="15" fillId="0" borderId="2" xfId="4" quotePrefix="1" applyFont="1" applyFill="1" applyBorder="1" applyAlignment="1">
      <alignment vertical="top" wrapText="1"/>
    </xf>
    <xf numFmtId="0" fontId="15" fillId="0" borderId="0" xfId="3" quotePrefix="1" applyFont="1" applyFill="1" applyBorder="1" applyAlignment="1">
      <alignment vertical="top" wrapText="1"/>
    </xf>
    <xf numFmtId="0" fontId="14" fillId="4" borderId="0" xfId="0"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5" fillId="0" borderId="2" xfId="3" quotePrefix="1" applyFont="1" applyFill="1" applyBorder="1" applyAlignment="1">
      <alignment vertical="top" wrapText="1"/>
    </xf>
    <xf numFmtId="0" fontId="15" fillId="0" borderId="2" xfId="3" quotePrefix="1" applyFont="1" applyFill="1" applyBorder="1" applyAlignment="1">
      <alignment horizontal="left" vertical="top" wrapText="1"/>
    </xf>
  </cellXfs>
  <cellStyles count="37">
    <cellStyle name="Hyperlink" xfId="1" builtinId="8"/>
    <cellStyle name="Normal" xfId="0" builtinId="0"/>
    <cellStyle name="Normal 2" xfId="36"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8000000}"/>
    <cellStyle name="Normal_Equity" xfId="7" xr:uid="{00000000-0005-0000-0000-00000A000000}"/>
    <cellStyle name="Normal_FamilyFriends" xfId="8" xr:uid="{00000000-0005-0000-0000-00000B000000}"/>
    <cellStyle name="Normal_GenHealth" xfId="9" xr:uid="{00000000-0005-0000-0000-00000C000000}"/>
    <cellStyle name="Normal_GettingInvolved" xfId="10" xr:uid="{00000000-0005-0000-0000-00000D000000}"/>
    <cellStyle name="Normal_HouseholdFinance" xfId="11" xr:uid="{00000000-0005-0000-0000-00000E000000}"/>
    <cellStyle name="Normal_HouseholdFinWB" xfId="12" xr:uid="{00000000-0005-0000-0000-00000F000000}"/>
    <cellStyle name="Normal_K10" xfId="13" xr:uid="{00000000-0005-0000-0000-000010000000}"/>
    <cellStyle name="Normal_liveability" xfId="14" xr:uid="{00000000-0005-0000-0000-000011000000}"/>
    <cellStyle name="Normal_Mean2" xfId="15" xr:uid="{00000000-0005-0000-0000-000012000000}"/>
    <cellStyle name="Normal_Migration" xfId="16" xr:uid="{00000000-0005-0000-0000-000013000000}"/>
    <cellStyle name="Normal_NaturalCap" xfId="17" xr:uid="{00000000-0005-0000-0000-000014000000}"/>
    <cellStyle name="Normal_PhysCrime" xfId="18" xr:uid="{00000000-0005-0000-0000-000015000000}"/>
    <cellStyle name="Normal_PhysFinance" xfId="19" xr:uid="{00000000-0005-0000-0000-000016000000}"/>
    <cellStyle name="Normal_PhysLandscape" xfId="20" xr:uid="{00000000-0005-0000-0000-000018000000}"/>
    <cellStyle name="Normal_PhysTelecom" xfId="21" xr:uid="{00000000-0005-0000-0000-00001B000000}"/>
    <cellStyle name="Normal_PWI_1" xfId="22" xr:uid="{00000000-0005-0000-0000-00001C000000}"/>
    <cellStyle name="Normal_Self efficacy" xfId="23" xr:uid="{00000000-0005-0000-0000-00001D000000}"/>
    <cellStyle name="Normal_Sheet1" xfId="24" xr:uid="{00000000-0005-0000-0000-00001E000000}"/>
    <cellStyle name="Normal_Sheet1_1" xfId="25" xr:uid="{00000000-0005-0000-0000-00001F000000}"/>
    <cellStyle name="Normal_Sheet10" xfId="26" xr:uid="{00000000-0005-0000-0000-000020000000}"/>
    <cellStyle name="Normal_Sheet13" xfId="27" xr:uid="{00000000-0005-0000-0000-000022000000}"/>
    <cellStyle name="Normal_Sheet2_1" xfId="28" xr:uid="{00000000-0005-0000-0000-000023000000}"/>
    <cellStyle name="Normal_Sheet4" xfId="29" xr:uid="{00000000-0005-0000-0000-000025000000}"/>
    <cellStyle name="Normal_Sheet5" xfId="30" xr:uid="{00000000-0005-0000-0000-000026000000}"/>
    <cellStyle name="Normal_Sheet5_1" xfId="31" xr:uid="{00000000-0005-0000-0000-000027000000}"/>
    <cellStyle name="Normal_Sheet6" xfId="32" xr:uid="{00000000-0005-0000-0000-000028000000}"/>
    <cellStyle name="Normal_Sheet7" xfId="33" xr:uid="{00000000-0005-0000-0000-000029000000}"/>
    <cellStyle name="Normal_Sheet7_1" xfId="34" xr:uid="{00000000-0005-0000-0000-00002A000000}"/>
    <cellStyle name="Normal_Volunteering" xfId="35" xr:uid="{00000000-0005-0000-0000-00002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5</xdr:col>
      <xdr:colOff>285750</xdr:colOff>
      <xdr:row>25</xdr:row>
      <xdr:rowOff>152400</xdr:rowOff>
    </xdr:to>
    <xdr:pic>
      <xdr:nvPicPr>
        <xdr:cNvPr id="4" name="Picture 3">
          <a:extLst>
            <a:ext uri="{FF2B5EF4-FFF2-40B4-BE49-F238E27FC236}">
              <a16:creationId xmlns:a16="http://schemas.microsoft.com/office/drawing/2014/main" id="{15BF0459-E087-49C0-B507-7BC14C17FCA6}"/>
            </a:ext>
          </a:extLst>
        </xdr:cNvPr>
        <xdr:cNvPicPr>
          <a:picLocks noChangeAspect="1"/>
        </xdr:cNvPicPr>
      </xdr:nvPicPr>
      <xdr:blipFill>
        <a:blip xmlns:r="http://schemas.openxmlformats.org/officeDocument/2006/relationships" r:embed="rId1"/>
        <a:stretch>
          <a:fillRect/>
        </a:stretch>
      </xdr:blipFill>
      <xdr:spPr>
        <a:xfrm>
          <a:off x="0" y="0"/>
          <a:ext cx="9144000" cy="5143500"/>
        </a:xfrm>
        <a:prstGeom prst="rect">
          <a:avLst/>
        </a:prstGeom>
      </xdr:spPr>
    </xdr:pic>
    <xdr:clientData/>
  </xdr:twoCellAnchor>
</xdr:wsDr>
</file>

<file path=xl/theme/theme1.xml><?xml version="1.0" encoding="utf-8"?>
<a:theme xmlns:a="http://schemas.openxmlformats.org/drawingml/2006/main" name="Kilter">
  <a:themeElements>
    <a:clrScheme name="Blue Green">
      <a:dk1>
        <a:sysClr val="windowText" lastClr="000000"/>
      </a:dk1>
      <a:lt1>
        <a:sysClr val="window" lastClr="FFFFFF"/>
      </a:lt1>
      <a:dk2>
        <a:srgbClr val="373545"/>
      </a:dk2>
      <a:lt2>
        <a:srgbClr val="CEDBE6"/>
      </a:lt2>
      <a:accent1>
        <a:srgbClr val="3494BA"/>
      </a:accent1>
      <a:accent2>
        <a:srgbClr val="58B6C0"/>
      </a:accent2>
      <a:accent3>
        <a:srgbClr val="75BDA7"/>
      </a:accent3>
      <a:accent4>
        <a:srgbClr val="7A8C8E"/>
      </a:accent4>
      <a:accent5>
        <a:srgbClr val="84ACB6"/>
      </a:accent5>
      <a:accent6>
        <a:srgbClr val="2683C6"/>
      </a:accent6>
      <a:hlink>
        <a:srgbClr val="6B9F25"/>
      </a:hlink>
      <a:folHlink>
        <a:srgbClr val="9F6715"/>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Q1" sqref="Q1"/>
    </sheetView>
  </sheetViews>
  <sheetFormatPr defaultColWidth="8.85546875" defaultRowHeight="15"/>
  <cols>
    <col min="1" max="16384" width="8.85546875" style="2"/>
  </cols>
  <sheetData>
    <row r="1" spans="11:19" ht="23.25">
      <c r="Q1" s="226"/>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D203"/>
  <sheetViews>
    <sheetView zoomScaleNormal="100" workbookViewId="0">
      <selection activeCell="A120" sqref="A120:L120"/>
    </sheetView>
  </sheetViews>
  <sheetFormatPr defaultColWidth="18.5703125" defaultRowHeight="15"/>
  <cols>
    <col min="1" max="1" width="36.28515625" customWidth="1"/>
  </cols>
  <sheetData>
    <row r="1" spans="1:4" ht="31.5">
      <c r="A1" s="33" t="s">
        <v>45</v>
      </c>
    </row>
    <row r="3" spans="1:4" ht="18.75">
      <c r="A3" s="321" t="s">
        <v>12</v>
      </c>
      <c r="B3" s="321"/>
      <c r="C3" s="321"/>
      <c r="D3" s="321"/>
    </row>
    <row r="4" spans="1:4" ht="101.25" customHeight="1">
      <c r="A4" s="383" t="s">
        <v>498</v>
      </c>
      <c r="B4" s="383"/>
      <c r="C4" s="383"/>
      <c r="D4" s="383"/>
    </row>
    <row r="5" spans="1:4" ht="42" customHeight="1">
      <c r="A5" s="371" t="s">
        <v>148</v>
      </c>
      <c r="B5" s="371"/>
      <c r="C5" s="371"/>
      <c r="D5" s="371"/>
    </row>
    <row r="6" spans="1:4" ht="36.75" customHeight="1">
      <c r="A6" s="37" t="s">
        <v>85</v>
      </c>
      <c r="B6" s="38" t="s">
        <v>86</v>
      </c>
      <c r="C6" s="39" t="s">
        <v>87</v>
      </c>
      <c r="D6" s="40" t="s">
        <v>88</v>
      </c>
    </row>
    <row r="7" spans="1:4" ht="75.75" customHeight="1">
      <c r="A7" s="41"/>
      <c r="B7" s="42" t="s">
        <v>89</v>
      </c>
      <c r="C7" s="128" t="s">
        <v>149</v>
      </c>
      <c r="D7" s="44" t="s">
        <v>91</v>
      </c>
    </row>
    <row r="8" spans="1:4">
      <c r="A8" s="45" t="s">
        <v>434</v>
      </c>
      <c r="B8" s="170">
        <v>8622</v>
      </c>
      <c r="C8" s="84">
        <v>4.4000000000000004</v>
      </c>
      <c r="D8" s="85">
        <v>1.9599999999999999E-2</v>
      </c>
    </row>
    <row r="9" spans="1:4">
      <c r="A9" s="49" t="s">
        <v>435</v>
      </c>
      <c r="B9" s="49">
        <v>7978</v>
      </c>
      <c r="C9" s="172">
        <v>4.3280430000000001</v>
      </c>
      <c r="D9" s="132">
        <v>5.7529919999999998E-2</v>
      </c>
    </row>
    <row r="10" spans="1:4">
      <c r="A10" s="45" t="s">
        <v>436</v>
      </c>
      <c r="B10" s="53">
        <v>777</v>
      </c>
      <c r="C10" s="84">
        <v>4.37</v>
      </c>
      <c r="D10" s="85">
        <v>9.8000000000000004E-2</v>
      </c>
    </row>
    <row r="11" spans="1:4">
      <c r="A11" s="49" t="s">
        <v>437</v>
      </c>
      <c r="B11" s="49">
        <v>2293</v>
      </c>
      <c r="C11" s="172">
        <v>4.45</v>
      </c>
      <c r="D11" s="132">
        <v>5.8799999999999998E-2</v>
      </c>
    </row>
    <row r="12" spans="1:4">
      <c r="A12" s="45" t="s">
        <v>438</v>
      </c>
      <c r="B12" s="53">
        <v>2234</v>
      </c>
      <c r="C12" s="84">
        <v>4.42</v>
      </c>
      <c r="D12" s="85">
        <v>5.8799999999999998E-2</v>
      </c>
    </row>
    <row r="13" spans="1:4">
      <c r="A13" s="49" t="s">
        <v>449</v>
      </c>
      <c r="B13" s="49">
        <v>262</v>
      </c>
      <c r="C13" s="172">
        <v>4.2699999999999996</v>
      </c>
      <c r="D13" s="132">
        <v>0.15679999999999999</v>
      </c>
    </row>
    <row r="14" spans="1:4">
      <c r="A14" s="45" t="s">
        <v>439</v>
      </c>
      <c r="B14" s="53">
        <v>130</v>
      </c>
      <c r="C14" s="84">
        <v>4.38</v>
      </c>
      <c r="D14" s="85">
        <v>0.21559999999999999</v>
      </c>
    </row>
    <row r="15" spans="1:4" ht="25.5">
      <c r="A15" s="49" t="s">
        <v>440</v>
      </c>
      <c r="B15" s="49">
        <v>88</v>
      </c>
      <c r="C15" s="172">
        <v>4.0999999999999996</v>
      </c>
      <c r="D15" s="132">
        <v>0.25480000000000003</v>
      </c>
    </row>
    <row r="16" spans="1:4">
      <c r="A16" s="45" t="s">
        <v>475</v>
      </c>
      <c r="B16" s="53">
        <v>243</v>
      </c>
      <c r="C16" s="84">
        <v>4.46</v>
      </c>
      <c r="D16" s="85">
        <v>0.1764</v>
      </c>
    </row>
    <row r="17" spans="1:25">
      <c r="A17" s="49" t="s">
        <v>441</v>
      </c>
      <c r="B17" s="49">
        <v>76</v>
      </c>
      <c r="C17" s="172">
        <v>4.45</v>
      </c>
      <c r="D17" s="132">
        <v>0.31359999999999999</v>
      </c>
    </row>
    <row r="18" spans="1:25" ht="25.5">
      <c r="A18" s="45" t="s">
        <v>442</v>
      </c>
      <c r="B18" s="170">
        <v>101</v>
      </c>
      <c r="C18" s="84">
        <v>4.3499999999999996</v>
      </c>
      <c r="D18" s="85">
        <v>0.25480000000000003</v>
      </c>
    </row>
    <row r="19" spans="1:25">
      <c r="A19" s="49" t="s">
        <v>462</v>
      </c>
      <c r="B19" s="171">
        <v>66</v>
      </c>
      <c r="C19" s="172">
        <v>4.59</v>
      </c>
      <c r="D19" s="132">
        <v>0.3332</v>
      </c>
    </row>
    <row r="20" spans="1:25">
      <c r="A20" s="45" t="s">
        <v>450</v>
      </c>
      <c r="B20" s="83">
        <v>232</v>
      </c>
      <c r="C20" s="84">
        <v>4.42</v>
      </c>
      <c r="D20" s="85">
        <v>0.15679999999999999</v>
      </c>
      <c r="P20" s="249"/>
      <c r="Q20" s="249"/>
      <c r="R20" s="249"/>
      <c r="S20" s="249"/>
      <c r="T20" s="249"/>
      <c r="U20" s="249"/>
      <c r="V20" s="249"/>
      <c r="W20" s="249"/>
      <c r="X20" s="249"/>
      <c r="Y20" s="249"/>
    </row>
    <row r="21" spans="1:25">
      <c r="A21" s="49" t="s">
        <v>443</v>
      </c>
      <c r="B21" s="171">
        <v>110</v>
      </c>
      <c r="C21" s="172">
        <v>4.24</v>
      </c>
      <c r="D21" s="132">
        <v>0.23519999999999999</v>
      </c>
      <c r="P21" s="249"/>
      <c r="Q21" s="249"/>
      <c r="R21" s="249"/>
      <c r="S21" s="249"/>
      <c r="T21" s="249"/>
      <c r="U21" s="249"/>
      <c r="V21" s="249"/>
      <c r="W21" s="249"/>
      <c r="X21" s="249"/>
      <c r="Y21" s="249"/>
    </row>
    <row r="22" spans="1:25">
      <c r="A22" s="57" t="s">
        <v>444</v>
      </c>
      <c r="B22" s="170">
        <v>122</v>
      </c>
      <c r="C22" s="84">
        <v>4.51</v>
      </c>
      <c r="D22" s="85">
        <v>0.23519999999999999</v>
      </c>
      <c r="P22" s="249"/>
      <c r="Q22" s="249"/>
      <c r="R22" s="249"/>
      <c r="S22" s="249"/>
      <c r="T22" s="249"/>
      <c r="U22" s="249"/>
      <c r="V22" s="249"/>
      <c r="W22" s="249"/>
      <c r="X22" s="249"/>
      <c r="Y22" s="249"/>
    </row>
    <row r="23" spans="1:25">
      <c r="A23" s="49" t="s">
        <v>451</v>
      </c>
      <c r="B23" s="171">
        <v>71</v>
      </c>
      <c r="C23" s="172">
        <v>4.2</v>
      </c>
      <c r="D23" s="132">
        <v>0.31359999999999999</v>
      </c>
      <c r="P23" s="249"/>
      <c r="Q23" s="249"/>
      <c r="R23" s="249"/>
      <c r="S23" s="249"/>
      <c r="T23" s="249"/>
      <c r="U23" s="249"/>
      <c r="V23" s="249"/>
      <c r="W23" s="249"/>
      <c r="X23" s="249"/>
      <c r="Y23" s="249"/>
    </row>
    <row r="24" spans="1:25">
      <c r="A24" s="57" t="s">
        <v>452</v>
      </c>
      <c r="B24" s="170">
        <v>282</v>
      </c>
      <c r="C24" s="84">
        <v>4.3499999999999996</v>
      </c>
      <c r="D24" s="85">
        <v>0.15679999999999999</v>
      </c>
      <c r="P24" s="249"/>
      <c r="Q24" s="249"/>
      <c r="R24" s="249"/>
      <c r="S24" s="249"/>
      <c r="T24" s="249"/>
      <c r="U24" s="249"/>
      <c r="V24" s="249"/>
      <c r="W24" s="249"/>
      <c r="X24" s="249"/>
      <c r="Y24" s="249"/>
    </row>
    <row r="25" spans="1:25">
      <c r="A25" s="49" t="s">
        <v>445</v>
      </c>
      <c r="B25" s="171">
        <v>93</v>
      </c>
      <c r="C25" s="172">
        <v>3.76</v>
      </c>
      <c r="D25" s="132">
        <v>0.25480000000000003</v>
      </c>
      <c r="P25" s="249"/>
      <c r="Q25" s="249"/>
      <c r="R25" s="249"/>
      <c r="S25" s="249"/>
      <c r="T25" s="249"/>
      <c r="U25" s="249"/>
      <c r="V25" s="249"/>
      <c r="W25" s="249"/>
      <c r="X25" s="249"/>
      <c r="Y25" s="249"/>
    </row>
    <row r="26" spans="1:25">
      <c r="A26" s="57" t="s">
        <v>446</v>
      </c>
      <c r="B26" s="170">
        <v>108</v>
      </c>
      <c r="C26" s="84">
        <v>4.82</v>
      </c>
      <c r="D26" s="85">
        <v>0.25480000000000003</v>
      </c>
      <c r="P26" s="249"/>
      <c r="Q26" s="249"/>
      <c r="R26" s="249"/>
      <c r="S26" s="249"/>
      <c r="T26" s="249"/>
      <c r="U26" s="249"/>
      <c r="V26" s="249"/>
      <c r="W26" s="249"/>
      <c r="X26" s="249"/>
      <c r="Y26" s="249"/>
    </row>
    <row r="27" spans="1:25">
      <c r="A27" s="49" t="s">
        <v>447</v>
      </c>
      <c r="B27" s="171">
        <v>81</v>
      </c>
      <c r="C27" s="172">
        <v>4.3899999999999997</v>
      </c>
      <c r="D27" s="132">
        <v>0.27440000000000003</v>
      </c>
      <c r="P27" s="249"/>
      <c r="Q27" s="249"/>
      <c r="R27" s="249"/>
      <c r="S27" s="249"/>
      <c r="T27" s="249"/>
      <c r="U27" s="249"/>
      <c r="V27" s="249"/>
      <c r="W27" s="249"/>
      <c r="X27" s="249"/>
      <c r="Y27" s="249"/>
    </row>
    <row r="28" spans="1:25">
      <c r="A28" s="57" t="s">
        <v>453</v>
      </c>
      <c r="B28" s="170">
        <v>69</v>
      </c>
      <c r="C28" s="84">
        <v>4.7</v>
      </c>
      <c r="D28" s="85">
        <v>0.31359999999999999</v>
      </c>
      <c r="P28" s="249"/>
      <c r="Q28" s="249"/>
      <c r="R28" s="249"/>
      <c r="S28" s="249"/>
      <c r="T28" s="249"/>
      <c r="U28" s="249"/>
      <c r="V28" s="249"/>
      <c r="W28" s="249"/>
      <c r="X28" s="249"/>
      <c r="Y28" s="249"/>
    </row>
    <row r="29" spans="1:25">
      <c r="A29" s="49" t="s">
        <v>459</v>
      </c>
      <c r="B29" s="171">
        <v>34</v>
      </c>
      <c r="C29" s="172">
        <v>4.95</v>
      </c>
      <c r="D29" s="132">
        <v>0.43119999999999997</v>
      </c>
      <c r="P29" s="249"/>
      <c r="Q29" s="249"/>
      <c r="R29" s="249"/>
      <c r="S29" s="249"/>
      <c r="T29" s="249"/>
      <c r="U29" s="249"/>
      <c r="V29" s="249"/>
      <c r="W29" s="249"/>
      <c r="X29" s="249"/>
      <c r="Y29" s="249"/>
    </row>
    <row r="31" spans="1:25">
      <c r="P31" s="249"/>
      <c r="Q31" s="249"/>
      <c r="R31" s="249"/>
      <c r="S31" s="249"/>
      <c r="T31" s="249"/>
      <c r="U31" s="249"/>
      <c r="V31" s="249"/>
      <c r="W31" s="249"/>
      <c r="X31" s="249"/>
      <c r="Y31" s="249"/>
    </row>
    <row r="32" spans="1:25" ht="18.75">
      <c r="A32" s="322" t="s">
        <v>46</v>
      </c>
      <c r="B32" s="322"/>
      <c r="C32" s="322"/>
      <c r="D32" s="322"/>
      <c r="E32" s="322"/>
      <c r="F32" s="322"/>
      <c r="G32" s="322"/>
      <c r="H32" s="322"/>
      <c r="I32" s="322"/>
      <c r="J32" s="322"/>
      <c r="K32" s="322"/>
      <c r="L32" s="322"/>
      <c r="M32" s="322"/>
      <c r="N32" s="322"/>
      <c r="O32" s="322"/>
      <c r="P32" s="227"/>
      <c r="Q32" s="227"/>
      <c r="R32" s="227"/>
      <c r="S32" s="227"/>
      <c r="T32" s="227"/>
      <c r="U32" s="227"/>
      <c r="V32" s="227"/>
      <c r="W32" s="249"/>
      <c r="X32" s="249"/>
      <c r="Y32" s="249"/>
    </row>
    <row r="33" spans="1:25" ht="37.5" customHeight="1">
      <c r="A33" s="384" t="s">
        <v>499</v>
      </c>
      <c r="B33" s="384"/>
      <c r="C33" s="384"/>
      <c r="D33" s="384"/>
      <c r="E33" s="384"/>
      <c r="F33" s="384"/>
      <c r="G33" s="384"/>
      <c r="H33" s="384"/>
      <c r="I33" s="384"/>
      <c r="J33" s="384"/>
      <c r="K33" s="384"/>
      <c r="L33" s="384"/>
      <c r="M33" s="384"/>
      <c r="N33" s="384"/>
      <c r="O33" s="384"/>
      <c r="P33" s="253"/>
      <c r="Q33" s="253"/>
      <c r="R33" s="253"/>
      <c r="S33" s="253"/>
      <c r="T33" s="253"/>
      <c r="U33" s="253"/>
      <c r="V33" s="253"/>
      <c r="W33" s="249"/>
      <c r="X33" s="249"/>
      <c r="Y33" s="249"/>
    </row>
    <row r="34" spans="1:25" ht="37.5" customHeight="1">
      <c r="A34" s="64"/>
      <c r="B34" s="360" t="s">
        <v>325</v>
      </c>
      <c r="C34" s="360"/>
      <c r="D34" s="360"/>
      <c r="E34" s="360"/>
      <c r="F34" s="360"/>
      <c r="G34" s="360"/>
      <c r="H34" s="360"/>
      <c r="I34" s="360" t="s">
        <v>326</v>
      </c>
      <c r="J34" s="360"/>
      <c r="K34" s="360"/>
      <c r="L34" s="360"/>
      <c r="M34" s="360"/>
      <c r="N34" s="360"/>
      <c r="O34" s="360"/>
      <c r="P34" s="249"/>
      <c r="Q34" s="249"/>
      <c r="R34" s="249"/>
      <c r="S34" s="249"/>
      <c r="T34" s="249"/>
      <c r="U34" s="249"/>
      <c r="V34" s="249"/>
      <c r="W34" s="249"/>
      <c r="X34" s="249"/>
      <c r="Y34" s="249"/>
    </row>
    <row r="35" spans="1:25" ht="37.5" customHeight="1">
      <c r="A35" s="37" t="s">
        <v>85</v>
      </c>
      <c r="B35" s="38" t="s">
        <v>86</v>
      </c>
      <c r="C35" s="38" t="s">
        <v>150</v>
      </c>
      <c r="D35" s="89" t="s">
        <v>393</v>
      </c>
      <c r="E35" s="38" t="s">
        <v>151</v>
      </c>
      <c r="F35" s="89" t="s">
        <v>394</v>
      </c>
      <c r="G35" s="38" t="s">
        <v>152</v>
      </c>
      <c r="H35" s="89" t="s">
        <v>395</v>
      </c>
      <c r="I35" s="38" t="s">
        <v>86</v>
      </c>
      <c r="J35" s="38" t="s">
        <v>150</v>
      </c>
      <c r="K35" s="89" t="s">
        <v>393</v>
      </c>
      <c r="L35" s="38" t="s">
        <v>151</v>
      </c>
      <c r="M35" s="89" t="s">
        <v>394</v>
      </c>
      <c r="N35" s="38" t="s">
        <v>152</v>
      </c>
      <c r="O35" s="89" t="s">
        <v>395</v>
      </c>
    </row>
    <row r="36" spans="1:25" ht="71.25" customHeight="1">
      <c r="A36" s="41"/>
      <c r="B36" s="42" t="s">
        <v>89</v>
      </c>
      <c r="C36" s="42" t="s">
        <v>181</v>
      </c>
      <c r="D36" s="91" t="s">
        <v>104</v>
      </c>
      <c r="E36" s="42" t="s">
        <v>182</v>
      </c>
      <c r="F36" s="91" t="s">
        <v>104</v>
      </c>
      <c r="G36" s="42" t="s">
        <v>183</v>
      </c>
      <c r="H36" s="91" t="s">
        <v>104</v>
      </c>
      <c r="I36" s="42" t="s">
        <v>89</v>
      </c>
      <c r="J36" s="42" t="s">
        <v>181</v>
      </c>
      <c r="K36" s="91" t="s">
        <v>104</v>
      </c>
      <c r="L36" s="42" t="s">
        <v>182</v>
      </c>
      <c r="M36" s="91" t="s">
        <v>104</v>
      </c>
      <c r="N36" s="42" t="s">
        <v>183</v>
      </c>
      <c r="O36" s="91" t="s">
        <v>104</v>
      </c>
    </row>
    <row r="37" spans="1:25">
      <c r="A37" s="45" t="s">
        <v>434</v>
      </c>
      <c r="B37" s="170">
        <v>8604</v>
      </c>
      <c r="C37" s="173">
        <v>0.193</v>
      </c>
      <c r="D37" s="94">
        <v>8.509741074131473E-3</v>
      </c>
      <c r="E37" s="173">
        <v>0.17899999999999999</v>
      </c>
      <c r="F37" s="94">
        <v>8.2664374032983337E-3</v>
      </c>
      <c r="G37" s="173">
        <v>0.628</v>
      </c>
      <c r="H37" s="94">
        <v>1.0419438315405576E-2</v>
      </c>
      <c r="I37" s="170">
        <v>8598</v>
      </c>
      <c r="J37" s="173">
        <v>0.39400000000000002</v>
      </c>
      <c r="K37" s="94">
        <v>1.0537175191888152E-2</v>
      </c>
      <c r="L37" s="173">
        <v>0.16600000000000001</v>
      </c>
      <c r="M37" s="94">
        <v>8.026569595508945E-3</v>
      </c>
      <c r="N37" s="173">
        <v>0.44</v>
      </c>
      <c r="O37" s="94">
        <v>1.0704184304635267E-2</v>
      </c>
    </row>
    <row r="38" spans="1:25">
      <c r="A38" s="49" t="s">
        <v>435</v>
      </c>
      <c r="B38" s="171">
        <v>8001</v>
      </c>
      <c r="C38" s="174">
        <v>0.20130000000000001</v>
      </c>
      <c r="D38" s="97">
        <v>8.9656838647354277E-3</v>
      </c>
      <c r="E38" s="174">
        <v>0.1928</v>
      </c>
      <c r="F38" s="97">
        <v>8.8211445853471886E-3</v>
      </c>
      <c r="G38" s="174">
        <v>0.60580000000000001</v>
      </c>
      <c r="H38" s="97">
        <v>1.0924018860253666E-2</v>
      </c>
      <c r="I38" s="171">
        <v>7995</v>
      </c>
      <c r="J38" s="174">
        <v>0.41249999999999998</v>
      </c>
      <c r="K38" s="97">
        <v>1.1008671650237495E-2</v>
      </c>
      <c r="L38" s="174">
        <v>0.16800000000000001</v>
      </c>
      <c r="M38" s="97">
        <v>8.3637222030356964E-3</v>
      </c>
      <c r="N38" s="174">
        <v>0.41949999999999998</v>
      </c>
      <c r="O38" s="97">
        <v>1.1035322243231458E-2</v>
      </c>
    </row>
    <row r="39" spans="1:25">
      <c r="A39" s="45" t="s">
        <v>436</v>
      </c>
      <c r="B39" s="170">
        <v>776</v>
      </c>
      <c r="C39" s="173">
        <v>0.2273</v>
      </c>
      <c r="D39" s="94">
        <v>3.0076438962391702E-2</v>
      </c>
      <c r="E39" s="173">
        <v>0.1668</v>
      </c>
      <c r="F39" s="94">
        <v>2.6805427112567452E-2</v>
      </c>
      <c r="G39" s="173">
        <v>0.60589999999999999</v>
      </c>
      <c r="H39" s="94">
        <v>3.5001825502559245E-2</v>
      </c>
      <c r="I39" s="170">
        <v>777</v>
      </c>
      <c r="J39" s="173">
        <v>0.38059999999999999</v>
      </c>
      <c r="K39" s="94">
        <v>3.4758305625612732E-2</v>
      </c>
      <c r="L39" s="173">
        <v>0.1651</v>
      </c>
      <c r="M39" s="94">
        <v>2.6680440559231369E-2</v>
      </c>
      <c r="N39" s="173">
        <v>0.45440000000000003</v>
      </c>
      <c r="O39" s="94">
        <v>3.5635218657947734E-2</v>
      </c>
    </row>
    <row r="40" spans="1:25">
      <c r="A40" s="49" t="s">
        <v>437</v>
      </c>
      <c r="B40" s="171">
        <v>2287</v>
      </c>
      <c r="C40" s="174">
        <v>0.188</v>
      </c>
      <c r="D40" s="97">
        <v>1.6343947241476982E-2</v>
      </c>
      <c r="E40" s="174">
        <v>0.182</v>
      </c>
      <c r="F40" s="97">
        <v>1.6141496182138462E-2</v>
      </c>
      <c r="G40" s="174">
        <v>0.63</v>
      </c>
      <c r="H40" s="97">
        <v>2.0176392029039255E-2</v>
      </c>
      <c r="I40" s="171">
        <v>2291</v>
      </c>
      <c r="J40" s="174">
        <v>0.36599999999999999</v>
      </c>
      <c r="K40" s="97">
        <v>2.0113253943182724E-2</v>
      </c>
      <c r="L40" s="174">
        <v>0.17599999999999999</v>
      </c>
      <c r="M40" s="97">
        <v>1.5918617128224417E-2</v>
      </c>
      <c r="N40" s="174">
        <v>0.45700000000000002</v>
      </c>
      <c r="O40" s="97">
        <v>2.0797077040268432E-2</v>
      </c>
    </row>
    <row r="41" spans="1:25">
      <c r="A41" s="45" t="s">
        <v>438</v>
      </c>
      <c r="B41" s="170">
        <v>2228</v>
      </c>
      <c r="C41" s="173">
        <v>0.19400000000000001</v>
      </c>
      <c r="D41" s="94">
        <v>1.675777849532091E-2</v>
      </c>
      <c r="E41" s="173">
        <v>0.188</v>
      </c>
      <c r="F41" s="94">
        <v>1.6559039079856688E-2</v>
      </c>
      <c r="G41" s="173">
        <v>0.61699999999999999</v>
      </c>
      <c r="H41" s="94">
        <v>2.0581162897692202E-2</v>
      </c>
      <c r="I41" s="170">
        <v>2232</v>
      </c>
      <c r="J41" s="173">
        <v>0.36699999999999999</v>
      </c>
      <c r="K41" s="94">
        <v>2.0388631623387214E-2</v>
      </c>
      <c r="L41" s="173">
        <v>0.17899999999999999</v>
      </c>
      <c r="M41" s="94">
        <v>1.6234381906757165E-2</v>
      </c>
      <c r="N41" s="173">
        <v>0.45400000000000001</v>
      </c>
      <c r="O41" s="94">
        <v>2.105838055441939E-2</v>
      </c>
    </row>
    <row r="42" spans="1:25">
      <c r="A42" s="49" t="s">
        <v>449</v>
      </c>
      <c r="B42" s="171">
        <v>260</v>
      </c>
      <c r="C42" s="174">
        <v>0.22600000000000001</v>
      </c>
      <c r="D42" s="97">
        <v>5.1812861867724457E-2</v>
      </c>
      <c r="E42" s="174">
        <v>0.182</v>
      </c>
      <c r="F42" s="97">
        <v>4.797681712261799E-2</v>
      </c>
      <c r="G42" s="174">
        <v>0.59199999999999997</v>
      </c>
      <c r="H42" s="97">
        <v>6.0526796192221427E-2</v>
      </c>
      <c r="I42" s="171">
        <v>262</v>
      </c>
      <c r="J42" s="174">
        <v>0.40899999999999997</v>
      </c>
      <c r="K42" s="97">
        <v>6.0320719274271246E-2</v>
      </c>
      <c r="L42" s="174">
        <v>0.219</v>
      </c>
      <c r="M42" s="97">
        <v>5.1063267778262596E-2</v>
      </c>
      <c r="N42" s="174">
        <v>0.372</v>
      </c>
      <c r="O42" s="97">
        <v>5.9332761997828394E-2</v>
      </c>
    </row>
    <row r="43" spans="1:25">
      <c r="A43" s="45" t="s">
        <v>439</v>
      </c>
      <c r="B43" s="170">
        <v>129</v>
      </c>
      <c r="C43" s="173">
        <v>0.186</v>
      </c>
      <c r="D43" s="94">
        <v>6.8769070840053861E-2</v>
      </c>
      <c r="E43" s="173">
        <v>0.24399999999999999</v>
      </c>
      <c r="F43" s="94">
        <v>7.5263294554831967E-2</v>
      </c>
      <c r="G43" s="173">
        <v>0.56899999999999995</v>
      </c>
      <c r="H43" s="94">
        <v>8.5930741395813984E-2</v>
      </c>
      <c r="I43" s="170">
        <v>130</v>
      </c>
      <c r="J43" s="173">
        <v>0.33900000000000002</v>
      </c>
      <c r="K43" s="94">
        <v>8.2063576562191293E-2</v>
      </c>
      <c r="L43" s="173">
        <v>0.24199999999999999</v>
      </c>
      <c r="M43" s="94">
        <v>7.478340009793287E-2</v>
      </c>
      <c r="N43" s="173">
        <v>0.41899999999999998</v>
      </c>
      <c r="O43" s="94">
        <v>8.5313269112225698E-2</v>
      </c>
    </row>
    <row r="44" spans="1:25" ht="25.5">
      <c r="A44" s="49" t="s">
        <v>440</v>
      </c>
      <c r="B44" s="171">
        <v>88</v>
      </c>
      <c r="C44" s="174">
        <v>0.26500000000000001</v>
      </c>
      <c r="D44" s="97">
        <v>9.3127490647283526E-2</v>
      </c>
      <c r="E44" s="174">
        <v>7.6999999999999999E-2</v>
      </c>
      <c r="F44" s="97">
        <v>6.1252081917641789E-2</v>
      </c>
      <c r="G44" s="174">
        <v>0.65800000000000003</v>
      </c>
      <c r="H44" s="97">
        <v>9.9380601659439349E-2</v>
      </c>
      <c r="I44" s="171">
        <v>88</v>
      </c>
      <c r="J44" s="174">
        <v>0.55900000000000005</v>
      </c>
      <c r="K44" s="97">
        <v>0.10359098401928138</v>
      </c>
      <c r="L44" s="174">
        <v>0.152</v>
      </c>
      <c r="M44" s="97">
        <v>7.7795119035441243E-2</v>
      </c>
      <c r="N44" s="174">
        <v>0.28799999999999998</v>
      </c>
      <c r="O44" s="97">
        <v>9.5297979724602216E-2</v>
      </c>
    </row>
    <row r="45" spans="1:25">
      <c r="A45" s="45" t="s">
        <v>475</v>
      </c>
      <c r="B45" s="170">
        <v>243</v>
      </c>
      <c r="C45" s="173">
        <v>0.188</v>
      </c>
      <c r="D45" s="94">
        <v>5.0227549099803058E-2</v>
      </c>
      <c r="E45" s="173">
        <v>0.14899999999999999</v>
      </c>
      <c r="F45" s="94">
        <v>4.6016544382708365E-2</v>
      </c>
      <c r="G45" s="173">
        <v>0.66300000000000003</v>
      </c>
      <c r="H45" s="94">
        <v>6.026722765414845E-2</v>
      </c>
      <c r="I45" s="170">
        <v>242</v>
      </c>
      <c r="J45" s="173">
        <v>0.40899999999999997</v>
      </c>
      <c r="K45" s="94">
        <v>6.2727454262873433E-2</v>
      </c>
      <c r="L45" s="173">
        <v>0.105</v>
      </c>
      <c r="M45" s="94">
        <v>4.0123332594996085E-2</v>
      </c>
      <c r="N45" s="173">
        <v>0.48599999999999999</v>
      </c>
      <c r="O45" s="94">
        <v>6.3733479882481167E-2</v>
      </c>
    </row>
    <row r="46" spans="1:25">
      <c r="A46" s="49" t="s">
        <v>441</v>
      </c>
      <c r="B46" s="171">
        <v>76</v>
      </c>
      <c r="C46" s="174">
        <v>0.152</v>
      </c>
      <c r="D46" s="97">
        <v>8.3875991797414826E-2</v>
      </c>
      <c r="E46" s="174">
        <v>0.13200000000000001</v>
      </c>
      <c r="F46" s="97">
        <v>7.9931170390530382E-2</v>
      </c>
      <c r="G46" s="174">
        <v>0.71599999999999997</v>
      </c>
      <c r="H46" s="97">
        <v>0.10195414655618476</v>
      </c>
      <c r="I46" s="171">
        <v>76</v>
      </c>
      <c r="J46" s="174">
        <v>0.46800000000000003</v>
      </c>
      <c r="K46" s="97">
        <v>0.11159655908673888</v>
      </c>
      <c r="L46" s="174">
        <v>4.5999999999999999E-2</v>
      </c>
      <c r="M46" s="97">
        <v>5.655983999270154E-2</v>
      </c>
      <c r="N46" s="174">
        <v>0.48599999999999999</v>
      </c>
      <c r="O46" s="97">
        <v>0.11176383806938629</v>
      </c>
    </row>
    <row r="47" spans="1:25" ht="25.5">
      <c r="A47" s="45" t="s">
        <v>442</v>
      </c>
      <c r="B47" s="170">
        <v>101</v>
      </c>
      <c r="C47" s="173">
        <v>0.24399999999999999</v>
      </c>
      <c r="D47" s="94">
        <v>8.4934060723515711E-2</v>
      </c>
      <c r="E47" s="173">
        <v>0.189</v>
      </c>
      <c r="F47" s="94">
        <v>7.8195811109467286E-2</v>
      </c>
      <c r="G47" s="173">
        <v>0.56699999999999995</v>
      </c>
      <c r="H47" s="94">
        <v>9.677593254505712E-2</v>
      </c>
      <c r="I47" s="170">
        <v>100</v>
      </c>
      <c r="J47" s="173">
        <v>0.38</v>
      </c>
      <c r="K47" s="94">
        <v>9.5411334299391123E-2</v>
      </c>
      <c r="L47" s="173">
        <v>0.19600000000000001</v>
      </c>
      <c r="M47" s="94">
        <v>7.9555547361999615E-2</v>
      </c>
      <c r="N47" s="173">
        <v>0.42399999999999999</v>
      </c>
      <c r="O47" s="94">
        <v>9.700510758036035E-2</v>
      </c>
    </row>
    <row r="48" spans="1:25">
      <c r="A48" s="49" t="s">
        <v>462</v>
      </c>
      <c r="B48" s="171">
        <v>66</v>
      </c>
      <c r="C48" s="174">
        <v>0.16200000000000001</v>
      </c>
      <c r="D48" s="97">
        <v>9.2099143942106235E-2</v>
      </c>
      <c r="E48" s="174">
        <v>0.12</v>
      </c>
      <c r="F48" s="97">
        <v>8.3368835197666899E-2</v>
      </c>
      <c r="G48" s="174">
        <v>0.71799999999999997</v>
      </c>
      <c r="H48" s="97">
        <v>0.1089566450809157</v>
      </c>
      <c r="I48" s="171">
        <v>66</v>
      </c>
      <c r="J48" s="174">
        <v>0.38</v>
      </c>
      <c r="K48" s="97">
        <v>0.1164225539949936</v>
      </c>
      <c r="L48" s="174">
        <v>6.5000000000000002E-2</v>
      </c>
      <c r="M48" s="97">
        <v>6.8361575144727474E-2</v>
      </c>
      <c r="N48" s="174">
        <v>0.55500000000000005</v>
      </c>
      <c r="O48" s="97">
        <v>0.11887828991624617</v>
      </c>
    </row>
    <row r="49" spans="1:15">
      <c r="A49" s="45" t="s">
        <v>450</v>
      </c>
      <c r="B49" s="170">
        <v>231</v>
      </c>
      <c r="C49" s="173">
        <v>0.20300000000000001</v>
      </c>
      <c r="D49" s="94">
        <v>5.2958161458536622E-2</v>
      </c>
      <c r="E49" s="173">
        <v>0.218</v>
      </c>
      <c r="F49" s="94">
        <v>5.4290026512458109E-2</v>
      </c>
      <c r="G49" s="173">
        <v>0.57899999999999996</v>
      </c>
      <c r="H49" s="94">
        <v>6.4441251676087746E-2</v>
      </c>
      <c r="I49" s="170">
        <v>232</v>
      </c>
      <c r="J49" s="173">
        <v>0.32700000000000001</v>
      </c>
      <c r="K49" s="94">
        <v>6.1213289871433166E-2</v>
      </c>
      <c r="L49" s="173">
        <v>0.186</v>
      </c>
      <c r="M49" s="94">
        <v>5.1208764021392468E-2</v>
      </c>
      <c r="N49" s="173">
        <v>0.48699999999999999</v>
      </c>
      <c r="O49" s="94">
        <v>6.5073189598171099E-2</v>
      </c>
    </row>
    <row r="50" spans="1:15">
      <c r="A50" s="49" t="s">
        <v>443</v>
      </c>
      <c r="B50" s="171">
        <v>110</v>
      </c>
      <c r="C50" s="174">
        <v>0.17499999999999999</v>
      </c>
      <c r="D50" s="97">
        <v>7.2947287069894839E-2</v>
      </c>
      <c r="E50" s="174">
        <v>0.24099999999999999</v>
      </c>
      <c r="F50" s="97">
        <v>8.1120194979360016E-2</v>
      </c>
      <c r="G50" s="174">
        <v>0.58299999999999996</v>
      </c>
      <c r="H50" s="97">
        <v>9.2449314177260419E-2</v>
      </c>
      <c r="I50" s="171">
        <v>110</v>
      </c>
      <c r="J50" s="174">
        <v>0.38100000000000001</v>
      </c>
      <c r="K50" s="97">
        <v>9.1155413866319895E-2</v>
      </c>
      <c r="L50" s="174">
        <v>0.218</v>
      </c>
      <c r="M50" s="97">
        <v>7.857474389144431E-2</v>
      </c>
      <c r="N50" s="174">
        <v>0.40100000000000002</v>
      </c>
      <c r="O50" s="97">
        <v>9.1933370798503194E-2</v>
      </c>
    </row>
    <row r="51" spans="1:15">
      <c r="A51" s="57" t="s">
        <v>444</v>
      </c>
      <c r="B51" s="170">
        <v>121</v>
      </c>
      <c r="C51" s="173">
        <v>0.217</v>
      </c>
      <c r="D51" s="94">
        <v>7.4823458324565564E-2</v>
      </c>
      <c r="E51" s="173">
        <v>0.20599999999999999</v>
      </c>
      <c r="F51" s="94">
        <v>7.3540713847174477E-2</v>
      </c>
      <c r="G51" s="173">
        <v>0.57699999999999996</v>
      </c>
      <c r="H51" s="94">
        <v>8.8443316935356966E-2</v>
      </c>
      <c r="I51" s="170">
        <v>122</v>
      </c>
      <c r="J51" s="173">
        <v>0.29899999999999999</v>
      </c>
      <c r="K51" s="94">
        <v>8.2061422273314297E-2</v>
      </c>
      <c r="L51" s="173">
        <v>0.16900000000000001</v>
      </c>
      <c r="M51" s="94">
        <v>6.8379157048662778E-2</v>
      </c>
      <c r="N51" s="173">
        <v>0.53100000000000003</v>
      </c>
      <c r="O51" s="94">
        <v>8.8926409269811768E-2</v>
      </c>
    </row>
    <row r="52" spans="1:15">
      <c r="A52" s="49" t="s">
        <v>451</v>
      </c>
      <c r="B52" s="171">
        <v>71</v>
      </c>
      <c r="C52" s="174">
        <v>0.245</v>
      </c>
      <c r="D52" s="97">
        <v>0.10112066455477832</v>
      </c>
      <c r="E52" s="174">
        <v>0.18</v>
      </c>
      <c r="F52" s="97">
        <v>9.1864072209776118E-2</v>
      </c>
      <c r="G52" s="174">
        <v>0.57599999999999996</v>
      </c>
      <c r="H52" s="97">
        <v>0.1142683804979734</v>
      </c>
      <c r="I52" s="171">
        <v>71</v>
      </c>
      <c r="J52" s="174">
        <v>0.40799999999999997</v>
      </c>
      <c r="K52" s="97">
        <v>0.11370482283266356</v>
      </c>
      <c r="L52" s="174">
        <v>0.20300000000000001</v>
      </c>
      <c r="M52" s="97">
        <v>9.5484464188334506E-2</v>
      </c>
      <c r="N52" s="174">
        <v>0.38900000000000001</v>
      </c>
      <c r="O52" s="97">
        <v>0.11289126180533195</v>
      </c>
    </row>
    <row r="53" spans="1:15">
      <c r="A53" s="57" t="s">
        <v>452</v>
      </c>
      <c r="B53" s="170">
        <v>282</v>
      </c>
      <c r="C53" s="173">
        <v>0.214</v>
      </c>
      <c r="D53" s="94">
        <v>4.8829086826191213E-2</v>
      </c>
      <c r="E53" s="173">
        <v>0.154</v>
      </c>
      <c r="F53" s="94">
        <v>4.3228015039309516E-2</v>
      </c>
      <c r="G53" s="173">
        <v>0.63200000000000001</v>
      </c>
      <c r="H53" s="94">
        <v>5.709273236192592E-2</v>
      </c>
      <c r="I53" s="170">
        <v>282</v>
      </c>
      <c r="J53" s="173">
        <v>0.373</v>
      </c>
      <c r="K53" s="94">
        <v>5.7246736966069467E-2</v>
      </c>
      <c r="L53" s="173">
        <v>0.22700000000000001</v>
      </c>
      <c r="M53" s="94">
        <v>4.9830643078882429E-2</v>
      </c>
      <c r="N53" s="173">
        <v>0.4</v>
      </c>
      <c r="O53" s="94">
        <v>5.7970062709499719E-2</v>
      </c>
    </row>
    <row r="54" spans="1:15">
      <c r="A54" s="49" t="s">
        <v>445</v>
      </c>
      <c r="B54" s="171">
        <v>93</v>
      </c>
      <c r="C54" s="174">
        <v>0.33200000000000002</v>
      </c>
      <c r="D54" s="97">
        <v>9.6121863734461147E-2</v>
      </c>
      <c r="E54" s="174">
        <v>0.248</v>
      </c>
      <c r="F54" s="97">
        <v>8.8893647744790402E-2</v>
      </c>
      <c r="G54" s="174">
        <v>0.41899999999999998</v>
      </c>
      <c r="H54" s="97">
        <v>0.10030242032308109</v>
      </c>
      <c r="I54" s="171">
        <v>93</v>
      </c>
      <c r="J54" s="174">
        <v>0.59</v>
      </c>
      <c r="K54" s="97">
        <v>0.10001118848563273</v>
      </c>
      <c r="L54" s="174">
        <v>0.17100000000000001</v>
      </c>
      <c r="M54" s="97">
        <v>7.8779878380983812E-2</v>
      </c>
      <c r="N54" s="174">
        <v>0.24</v>
      </c>
      <c r="O54" s="97">
        <v>8.8016002285500425E-2</v>
      </c>
    </row>
    <row r="55" spans="1:15">
      <c r="A55" s="57" t="s">
        <v>446</v>
      </c>
      <c r="B55" s="170">
        <v>108</v>
      </c>
      <c r="C55" s="173">
        <v>0.13500000000000001</v>
      </c>
      <c r="D55" s="94">
        <v>6.7114279293294277E-2</v>
      </c>
      <c r="E55" s="173">
        <v>7.2999999999999995E-2</v>
      </c>
      <c r="F55" s="94">
        <v>5.360634873781276E-2</v>
      </c>
      <c r="G55" s="173">
        <v>0.79200000000000004</v>
      </c>
      <c r="H55" s="94">
        <v>7.8083638905490513E-2</v>
      </c>
      <c r="I55" s="170">
        <v>108</v>
      </c>
      <c r="J55" s="173">
        <v>0.19800000000000001</v>
      </c>
      <c r="K55" s="94">
        <v>7.6810118333626179E-2</v>
      </c>
      <c r="L55" s="173">
        <v>0.223</v>
      </c>
      <c r="M55" s="94">
        <v>7.9877981552824384E-2</v>
      </c>
      <c r="N55" s="173">
        <v>0.57899999999999996</v>
      </c>
      <c r="O55" s="94">
        <v>9.3387982030249561E-2</v>
      </c>
    </row>
    <row r="56" spans="1:15">
      <c r="A56" s="49" t="s">
        <v>447</v>
      </c>
      <c r="B56" s="171">
        <v>81</v>
      </c>
      <c r="C56" s="174">
        <v>0.183</v>
      </c>
      <c r="D56" s="97">
        <v>8.643154436186784E-2</v>
      </c>
      <c r="E56" s="174">
        <v>0.151</v>
      </c>
      <c r="F56" s="97">
        <v>8.0991761733872417E-2</v>
      </c>
      <c r="G56" s="174">
        <v>0.66600000000000004</v>
      </c>
      <c r="H56" s="97">
        <v>0.10289377325572985</v>
      </c>
      <c r="I56" s="171">
        <v>81</v>
      </c>
      <c r="J56" s="174">
        <v>0.35499999999999998</v>
      </c>
      <c r="K56" s="97">
        <v>0.10424118255294612</v>
      </c>
      <c r="L56" s="174">
        <v>0.29399999999999998</v>
      </c>
      <c r="M56" s="97">
        <v>9.9755937592089505E-2</v>
      </c>
      <c r="N56" s="174">
        <v>0.35099999999999998</v>
      </c>
      <c r="O56" s="97">
        <v>0.10399985091348189</v>
      </c>
    </row>
    <row r="57" spans="1:15">
      <c r="A57" s="57" t="s">
        <v>453</v>
      </c>
      <c r="B57" s="170">
        <v>69</v>
      </c>
      <c r="C57" s="173">
        <v>0.14899999999999999</v>
      </c>
      <c r="D57" s="94">
        <v>8.7563855652520894E-2</v>
      </c>
      <c r="E57" s="173">
        <v>0.20300000000000001</v>
      </c>
      <c r="F57" s="94">
        <v>9.6852634151136263E-2</v>
      </c>
      <c r="G57" s="173">
        <v>0.64800000000000002</v>
      </c>
      <c r="H57" s="94">
        <v>0.11236698021343998</v>
      </c>
      <c r="I57" s="170">
        <v>69</v>
      </c>
      <c r="J57" s="173">
        <v>0.314</v>
      </c>
      <c r="K57" s="94">
        <v>0.10956738592573513</v>
      </c>
      <c r="L57" s="173">
        <v>0.16300000000000001</v>
      </c>
      <c r="M57" s="94">
        <v>9.0216158610573527E-2</v>
      </c>
      <c r="N57" s="173">
        <v>0.52300000000000002</v>
      </c>
      <c r="O57" s="94">
        <v>0.11693046389616696</v>
      </c>
    </row>
    <row r="58" spans="1:15">
      <c r="A58" s="49" t="s">
        <v>459</v>
      </c>
      <c r="B58" s="171">
        <v>34</v>
      </c>
      <c r="C58" s="174">
        <v>0.10100000000000001</v>
      </c>
      <c r="D58" s="97">
        <v>0.11357863031027401</v>
      </c>
      <c r="E58" s="174">
        <v>0.17199999999999999</v>
      </c>
      <c r="F58" s="97">
        <v>0.13133853271759419</v>
      </c>
      <c r="G58" s="174">
        <v>0.72699999999999998</v>
      </c>
      <c r="H58" s="97">
        <v>0.14823461208061622</v>
      </c>
      <c r="I58" s="171">
        <v>34</v>
      </c>
      <c r="J58" s="174">
        <v>0.27200000000000002</v>
      </c>
      <c r="K58" s="97">
        <v>0.14810522575093982</v>
      </c>
      <c r="L58" s="174">
        <v>0.10299999999999999</v>
      </c>
      <c r="M58" s="97">
        <v>0.11416768922324178</v>
      </c>
      <c r="N58" s="174">
        <v>0.625</v>
      </c>
      <c r="O58" s="97">
        <v>0.15811100147824353</v>
      </c>
    </row>
    <row r="61" spans="1:15" ht="18.75">
      <c r="A61" s="321" t="s">
        <v>264</v>
      </c>
      <c r="B61" s="321"/>
      <c r="C61" s="321"/>
      <c r="D61" s="321"/>
    </row>
    <row r="62" spans="1:15" ht="112.5" customHeight="1">
      <c r="A62" s="383" t="s">
        <v>314</v>
      </c>
      <c r="B62" s="383"/>
      <c r="C62" s="383"/>
      <c r="D62" s="383"/>
    </row>
    <row r="63" spans="1:15" ht="39" customHeight="1">
      <c r="A63" s="371" t="s">
        <v>265</v>
      </c>
      <c r="B63" s="371"/>
      <c r="C63" s="371"/>
      <c r="D63" s="371"/>
    </row>
    <row r="64" spans="1:15" ht="39" customHeight="1">
      <c r="A64" s="37" t="s">
        <v>85</v>
      </c>
      <c r="B64" s="38" t="s">
        <v>86</v>
      </c>
      <c r="C64" s="39" t="s">
        <v>87</v>
      </c>
      <c r="D64" s="40" t="s">
        <v>88</v>
      </c>
    </row>
    <row r="65" spans="1:4" ht="72">
      <c r="A65" s="41"/>
      <c r="B65" s="42" t="s">
        <v>89</v>
      </c>
      <c r="C65" s="128" t="s">
        <v>153</v>
      </c>
      <c r="D65" s="44" t="s">
        <v>91</v>
      </c>
    </row>
    <row r="66" spans="1:4">
      <c r="A66" s="45" t="s">
        <v>434</v>
      </c>
      <c r="B66" s="175">
        <v>8617</v>
      </c>
      <c r="C66" s="84">
        <v>2.95</v>
      </c>
      <c r="D66" s="85">
        <v>3.9199999999999999E-2</v>
      </c>
    </row>
    <row r="67" spans="1:4">
      <c r="A67" s="49" t="s">
        <v>435</v>
      </c>
      <c r="B67" s="49">
        <v>7922</v>
      </c>
      <c r="C67" s="178">
        <v>2.9209130000000001</v>
      </c>
      <c r="D67" s="179">
        <v>3.6213352000000004E-2</v>
      </c>
    </row>
    <row r="68" spans="1:4">
      <c r="A68" s="45" t="s">
        <v>436</v>
      </c>
      <c r="B68" s="53">
        <v>777</v>
      </c>
      <c r="C68" s="84">
        <v>2.64</v>
      </c>
      <c r="D68" s="85">
        <v>0.1176</v>
      </c>
    </row>
    <row r="69" spans="1:4">
      <c r="A69" s="49" t="s">
        <v>437</v>
      </c>
      <c r="B69" s="49">
        <v>2292</v>
      </c>
      <c r="C69" s="178">
        <v>3.04</v>
      </c>
      <c r="D69" s="179">
        <v>5.8799999999999998E-2</v>
      </c>
    </row>
    <row r="70" spans="1:4">
      <c r="A70" s="45" t="s">
        <v>438</v>
      </c>
      <c r="B70" s="53">
        <v>2233</v>
      </c>
      <c r="C70" s="84">
        <v>3.08</v>
      </c>
      <c r="D70" s="85">
        <v>7.8399999999999997E-2</v>
      </c>
    </row>
    <row r="71" spans="1:4">
      <c r="A71" s="49" t="s">
        <v>449</v>
      </c>
      <c r="B71" s="49">
        <v>262</v>
      </c>
      <c r="C71" s="178">
        <v>3.02</v>
      </c>
      <c r="D71" s="179">
        <v>0.19600000000000001</v>
      </c>
    </row>
    <row r="72" spans="1:4">
      <c r="A72" s="45" t="s">
        <v>439</v>
      </c>
      <c r="B72" s="53">
        <v>130</v>
      </c>
      <c r="C72" s="84">
        <v>3.11</v>
      </c>
      <c r="D72" s="85">
        <v>0.29399999999999998</v>
      </c>
    </row>
    <row r="73" spans="1:4" ht="25.5">
      <c r="A73" s="49" t="s">
        <v>440</v>
      </c>
      <c r="B73" s="49">
        <v>88</v>
      </c>
      <c r="C73" s="178">
        <v>2.79</v>
      </c>
      <c r="D73" s="179">
        <v>0.3332</v>
      </c>
    </row>
    <row r="74" spans="1:4">
      <c r="A74" s="45" t="s">
        <v>475</v>
      </c>
      <c r="B74" s="53">
        <v>243</v>
      </c>
      <c r="C74" s="84">
        <v>3</v>
      </c>
      <c r="D74" s="85">
        <v>0.21559999999999999</v>
      </c>
    </row>
    <row r="75" spans="1:4">
      <c r="A75" s="49" t="s">
        <v>441</v>
      </c>
      <c r="B75" s="49">
        <v>76</v>
      </c>
      <c r="C75" s="178">
        <v>3.07</v>
      </c>
      <c r="D75" s="179">
        <v>0.3528</v>
      </c>
    </row>
    <row r="76" spans="1:4" ht="25.5">
      <c r="A76" s="45" t="s">
        <v>442</v>
      </c>
      <c r="B76" s="175">
        <v>101</v>
      </c>
      <c r="C76" s="84">
        <v>2.66</v>
      </c>
      <c r="D76" s="85">
        <v>0.31359999999999999</v>
      </c>
    </row>
    <row r="77" spans="1:4">
      <c r="A77" s="49" t="s">
        <v>462</v>
      </c>
      <c r="B77" s="177">
        <v>66</v>
      </c>
      <c r="C77" s="178">
        <v>3.32</v>
      </c>
      <c r="D77" s="179">
        <v>0.45080000000000003</v>
      </c>
    </row>
    <row r="78" spans="1:4">
      <c r="A78" s="45" t="s">
        <v>450</v>
      </c>
      <c r="B78" s="83">
        <v>232</v>
      </c>
      <c r="C78" s="84">
        <v>2.99</v>
      </c>
      <c r="D78" s="85">
        <v>0.21559999999999999</v>
      </c>
    </row>
    <row r="79" spans="1:4">
      <c r="A79" s="49" t="s">
        <v>443</v>
      </c>
      <c r="B79" s="177">
        <v>110</v>
      </c>
      <c r="C79" s="178">
        <v>3.07</v>
      </c>
      <c r="D79" s="179">
        <v>0.31359999999999999</v>
      </c>
    </row>
    <row r="80" spans="1:4">
      <c r="A80" s="57" t="s">
        <v>444</v>
      </c>
      <c r="B80" s="175">
        <v>122</v>
      </c>
      <c r="C80" s="84">
        <v>2.95</v>
      </c>
      <c r="D80" s="85">
        <v>0.27440000000000003</v>
      </c>
    </row>
    <row r="81" spans="1:30">
      <c r="A81" s="49" t="s">
        <v>451</v>
      </c>
      <c r="B81" s="177">
        <v>71</v>
      </c>
      <c r="C81" s="178">
        <v>3.12</v>
      </c>
      <c r="D81" s="179">
        <v>0.41159999999999997</v>
      </c>
    </row>
    <row r="82" spans="1:30">
      <c r="A82" s="57" t="s">
        <v>452</v>
      </c>
      <c r="B82" s="175">
        <v>282</v>
      </c>
      <c r="C82" s="84">
        <v>2.79</v>
      </c>
      <c r="D82" s="85">
        <v>0.19600000000000001</v>
      </c>
    </row>
    <row r="83" spans="1:30">
      <c r="A83" s="49" t="s">
        <v>445</v>
      </c>
      <c r="B83" s="177">
        <v>93</v>
      </c>
      <c r="C83" s="178">
        <v>2.5099999999999998</v>
      </c>
      <c r="D83" s="179">
        <v>0.31359999999999999</v>
      </c>
    </row>
    <row r="84" spans="1:30">
      <c r="A84" s="57" t="s">
        <v>446</v>
      </c>
      <c r="B84" s="175">
        <v>108</v>
      </c>
      <c r="C84" s="84">
        <v>3.24</v>
      </c>
      <c r="D84" s="85">
        <v>0.29399999999999998</v>
      </c>
    </row>
    <row r="85" spans="1:30">
      <c r="A85" s="49" t="s">
        <v>447</v>
      </c>
      <c r="B85" s="177">
        <v>81</v>
      </c>
      <c r="C85" s="178">
        <v>2.52</v>
      </c>
      <c r="D85" s="179">
        <v>0.37240000000000001</v>
      </c>
      <c r="P85" s="257"/>
      <c r="Q85" s="257"/>
      <c r="R85" s="257"/>
      <c r="S85" s="257"/>
      <c r="T85" s="257"/>
      <c r="U85" s="257"/>
      <c r="V85" s="257"/>
      <c r="W85" s="257"/>
      <c r="X85" s="257"/>
      <c r="Y85" s="257"/>
      <c r="Z85" s="257"/>
      <c r="AA85" s="257"/>
      <c r="AB85" s="257"/>
      <c r="AC85" s="257"/>
      <c r="AD85" s="257"/>
    </row>
    <row r="86" spans="1:30">
      <c r="A86" s="57" t="s">
        <v>453</v>
      </c>
      <c r="B86" s="175">
        <v>69</v>
      </c>
      <c r="C86" s="84">
        <v>2.61</v>
      </c>
      <c r="D86" s="85">
        <v>0.39200000000000002</v>
      </c>
      <c r="P86" s="257"/>
      <c r="Q86" s="257"/>
      <c r="R86" s="257"/>
      <c r="S86" s="257"/>
      <c r="T86" s="257"/>
      <c r="U86" s="257"/>
      <c r="V86" s="257"/>
      <c r="W86" s="257"/>
      <c r="X86" s="257"/>
      <c r="Y86" s="257"/>
      <c r="Z86" s="257"/>
      <c r="AA86" s="257"/>
      <c r="AB86" s="257"/>
      <c r="AC86" s="257"/>
      <c r="AD86" s="257"/>
    </row>
    <row r="87" spans="1:30">
      <c r="A87" s="49" t="s">
        <v>459</v>
      </c>
      <c r="B87" s="177">
        <v>34</v>
      </c>
      <c r="C87" s="178">
        <v>2.71</v>
      </c>
      <c r="D87" s="179">
        <v>0.58799999999999997</v>
      </c>
      <c r="P87" s="257"/>
      <c r="Q87" s="257"/>
      <c r="R87" s="257"/>
      <c r="S87" s="257"/>
      <c r="T87" s="257"/>
      <c r="U87" s="257"/>
      <c r="V87" s="257"/>
      <c r="W87" s="257"/>
      <c r="X87" s="257"/>
      <c r="Y87" s="257"/>
      <c r="Z87" s="257"/>
      <c r="AA87" s="257"/>
      <c r="AB87" s="257"/>
      <c r="AC87" s="257"/>
      <c r="AD87" s="257"/>
    </row>
    <row r="89" spans="1:30">
      <c r="P89" s="257"/>
      <c r="Q89" s="257"/>
      <c r="R89" s="257"/>
      <c r="S89" s="257"/>
      <c r="T89" s="257"/>
      <c r="U89" s="257"/>
      <c r="V89" s="257"/>
      <c r="W89" s="257"/>
      <c r="X89" s="257"/>
      <c r="Y89" s="257"/>
      <c r="Z89" s="257"/>
      <c r="AA89" s="257"/>
      <c r="AB89" s="257"/>
      <c r="AC89" s="257"/>
      <c r="AD89" s="257"/>
    </row>
    <row r="90" spans="1:30" ht="18.75">
      <c r="A90" s="322" t="s">
        <v>47</v>
      </c>
      <c r="B90" s="322"/>
      <c r="C90" s="322"/>
      <c r="D90" s="322"/>
      <c r="E90" s="322"/>
      <c r="F90" s="322"/>
      <c r="G90" s="322"/>
      <c r="H90" s="322"/>
      <c r="I90" s="322"/>
      <c r="J90" s="322"/>
      <c r="K90" s="322"/>
      <c r="L90" s="322"/>
      <c r="M90" s="322"/>
      <c r="N90" s="322"/>
      <c r="O90" s="322"/>
      <c r="P90" s="227"/>
      <c r="Q90" s="227"/>
      <c r="R90" s="227"/>
      <c r="S90" s="227"/>
      <c r="T90" s="227"/>
      <c r="U90" s="227"/>
      <c r="V90" s="227"/>
      <c r="W90" s="227"/>
      <c r="X90" s="227"/>
      <c r="Y90" s="227"/>
      <c r="Z90" s="227"/>
      <c r="AA90" s="227"/>
      <c r="AB90" s="227"/>
      <c r="AC90" s="227"/>
      <c r="AD90" s="257"/>
    </row>
    <row r="91" spans="1:30" ht="65.25" customHeight="1">
      <c r="A91" s="384" t="s">
        <v>315</v>
      </c>
      <c r="B91" s="384"/>
      <c r="C91" s="384"/>
      <c r="D91" s="384"/>
      <c r="E91" s="384"/>
      <c r="F91" s="384"/>
      <c r="G91" s="384"/>
      <c r="H91" s="384"/>
      <c r="I91" s="384"/>
      <c r="J91" s="384"/>
      <c r="K91" s="384"/>
      <c r="L91" s="384"/>
      <c r="M91" s="384"/>
      <c r="N91" s="384"/>
      <c r="O91" s="384"/>
      <c r="P91" s="253"/>
      <c r="Q91" s="253"/>
      <c r="R91" s="253"/>
      <c r="S91" s="253"/>
      <c r="T91" s="253"/>
      <c r="U91" s="253"/>
      <c r="V91" s="253"/>
      <c r="W91" s="253"/>
      <c r="X91" s="253"/>
      <c r="Y91" s="253"/>
      <c r="Z91" s="253"/>
      <c r="AA91" s="253"/>
      <c r="AB91" s="253"/>
      <c r="AC91" s="253"/>
      <c r="AD91" s="257"/>
    </row>
    <row r="92" spans="1:30" ht="38.25" customHeight="1">
      <c r="A92" s="64"/>
      <c r="B92" s="360" t="s">
        <v>241</v>
      </c>
      <c r="C92" s="360"/>
      <c r="D92" s="360"/>
      <c r="E92" s="360"/>
      <c r="F92" s="360"/>
      <c r="G92" s="360"/>
      <c r="H92" s="360"/>
      <c r="I92" s="360" t="s">
        <v>242</v>
      </c>
      <c r="J92" s="360"/>
      <c r="K92" s="360"/>
      <c r="L92" s="360"/>
      <c r="M92" s="360"/>
      <c r="N92" s="360"/>
      <c r="O92" s="360"/>
    </row>
    <row r="93" spans="1:30" ht="72">
      <c r="A93" s="37" t="s">
        <v>85</v>
      </c>
      <c r="B93" s="38" t="s">
        <v>86</v>
      </c>
      <c r="C93" s="38" t="s">
        <v>203</v>
      </c>
      <c r="D93" s="89" t="s">
        <v>154</v>
      </c>
      <c r="E93" s="38" t="s">
        <v>204</v>
      </c>
      <c r="F93" s="89" t="s">
        <v>155</v>
      </c>
      <c r="G93" s="38" t="s">
        <v>205</v>
      </c>
      <c r="H93" s="89" t="s">
        <v>156</v>
      </c>
      <c r="I93" s="65" t="s">
        <v>86</v>
      </c>
      <c r="J93" s="65" t="s">
        <v>203</v>
      </c>
      <c r="K93" s="88" t="s">
        <v>154</v>
      </c>
      <c r="L93" s="65" t="s">
        <v>204</v>
      </c>
      <c r="M93" s="88" t="s">
        <v>155</v>
      </c>
      <c r="N93" s="65" t="s">
        <v>205</v>
      </c>
      <c r="O93" s="88" t="s">
        <v>156</v>
      </c>
    </row>
    <row r="94" spans="1:30" ht="72">
      <c r="A94" s="41"/>
      <c r="B94" s="42" t="s">
        <v>89</v>
      </c>
      <c r="C94" s="42" t="s">
        <v>181</v>
      </c>
      <c r="D94" s="91" t="s">
        <v>104</v>
      </c>
      <c r="E94" s="42" t="s">
        <v>182</v>
      </c>
      <c r="F94" s="91" t="s">
        <v>104</v>
      </c>
      <c r="G94" s="42" t="s">
        <v>183</v>
      </c>
      <c r="H94" s="91" t="s">
        <v>104</v>
      </c>
      <c r="I94" s="68" t="s">
        <v>89</v>
      </c>
      <c r="J94" s="68" t="s">
        <v>181</v>
      </c>
      <c r="K94" s="90" t="s">
        <v>104</v>
      </c>
      <c r="L94" s="68" t="s">
        <v>182</v>
      </c>
      <c r="M94" s="90" t="s">
        <v>104</v>
      </c>
      <c r="N94" s="68" t="s">
        <v>183</v>
      </c>
      <c r="O94" s="90" t="s">
        <v>104</v>
      </c>
    </row>
    <row r="95" spans="1:30">
      <c r="A95" s="45" t="s">
        <v>434</v>
      </c>
      <c r="B95" s="175">
        <v>8564</v>
      </c>
      <c r="C95" s="180">
        <v>0.64300000000000002</v>
      </c>
      <c r="D95" s="94">
        <v>1.0352563855930568E-2</v>
      </c>
      <c r="E95" s="180">
        <v>8.2000000000000003E-2</v>
      </c>
      <c r="F95" s="94">
        <v>5.9345599913928392E-3</v>
      </c>
      <c r="G95" s="180">
        <v>0.27500000000000002</v>
      </c>
      <c r="H95" s="94">
        <v>9.6488839108659491E-3</v>
      </c>
      <c r="I95" s="175">
        <v>8575</v>
      </c>
      <c r="J95" s="180">
        <v>0.623</v>
      </c>
      <c r="K95" s="94">
        <v>1.0465004033900629E-2</v>
      </c>
      <c r="L95" s="180">
        <v>9.9000000000000005E-2</v>
      </c>
      <c r="M95" s="94">
        <v>6.4544062888594756E-3</v>
      </c>
      <c r="N95" s="180">
        <v>0.27900000000000003</v>
      </c>
      <c r="O95" s="94">
        <v>9.6856895190340735E-3</v>
      </c>
    </row>
    <row r="96" spans="1:30">
      <c r="A96" s="49" t="s">
        <v>435</v>
      </c>
      <c r="B96" s="177">
        <v>7972</v>
      </c>
      <c r="C96" s="181">
        <v>0.62339999999999995</v>
      </c>
      <c r="D96" s="97">
        <v>1.0851133399942283E-2</v>
      </c>
      <c r="E96" s="181">
        <v>0.1008</v>
      </c>
      <c r="F96" s="97">
        <v>6.7480507263889171E-3</v>
      </c>
      <c r="G96" s="181">
        <v>0.27579999999999999</v>
      </c>
      <c r="H96" s="97">
        <v>1.0009643400605403E-2</v>
      </c>
      <c r="I96" s="177">
        <v>7963</v>
      </c>
      <c r="J96" s="181">
        <v>0.65549999999999997</v>
      </c>
      <c r="K96" s="97">
        <v>1.0648462088641538E-2</v>
      </c>
      <c r="L96" s="181">
        <v>7.5700000000000003E-2</v>
      </c>
      <c r="M96" s="97">
        <v>5.9346781356819272E-3</v>
      </c>
      <c r="N96" s="181">
        <v>0.26879999999999998</v>
      </c>
      <c r="O96" s="97">
        <v>9.9351536580892571E-3</v>
      </c>
    </row>
    <row r="97" spans="1:15">
      <c r="A97" s="45" t="s">
        <v>436</v>
      </c>
      <c r="B97" s="175">
        <v>772</v>
      </c>
      <c r="C97" s="180">
        <v>0.76060000000000005</v>
      </c>
      <c r="D97" s="94">
        <v>3.0695206228583287E-2</v>
      </c>
      <c r="E97" s="180">
        <v>7.4899999999999994E-2</v>
      </c>
      <c r="F97" s="94">
        <v>1.9150540122356226E-2</v>
      </c>
      <c r="G97" s="180">
        <v>0.16450000000000001</v>
      </c>
      <c r="H97" s="94">
        <v>2.6728606840815954E-2</v>
      </c>
      <c r="I97" s="175">
        <v>775</v>
      </c>
      <c r="J97" s="180">
        <v>0.64800000000000002</v>
      </c>
      <c r="K97" s="94">
        <v>3.4239987228942073E-2</v>
      </c>
      <c r="L97" s="180">
        <v>8.3000000000000004E-2</v>
      </c>
      <c r="M97" s="94">
        <v>1.9998996329259174E-2</v>
      </c>
      <c r="N97" s="180">
        <v>0.26900000000000002</v>
      </c>
      <c r="O97" s="94">
        <v>3.1819903020326883E-2</v>
      </c>
    </row>
    <row r="98" spans="1:15">
      <c r="A98" s="49" t="s">
        <v>437</v>
      </c>
      <c r="B98" s="177">
        <v>2280</v>
      </c>
      <c r="C98" s="181">
        <v>0.625</v>
      </c>
      <c r="D98" s="97">
        <v>2.0262276796697121E-2</v>
      </c>
      <c r="E98" s="181">
        <v>8.6999999999999994E-2</v>
      </c>
      <c r="F98" s="97">
        <v>1.1838664165579407E-2</v>
      </c>
      <c r="G98" s="181">
        <v>0.28799999999999998</v>
      </c>
      <c r="H98" s="97">
        <v>1.8957657871609048E-2</v>
      </c>
      <c r="I98" s="177">
        <v>2281</v>
      </c>
      <c r="J98" s="181">
        <v>0.59</v>
      </c>
      <c r="K98" s="97">
        <v>2.057928401296915E-2</v>
      </c>
      <c r="L98" s="181">
        <v>9.9000000000000005E-2</v>
      </c>
      <c r="M98" s="97">
        <v>1.2535218599233108E-2</v>
      </c>
      <c r="N98" s="181">
        <v>0.311</v>
      </c>
      <c r="O98" s="97">
        <v>1.9373285905371698E-2</v>
      </c>
    </row>
    <row r="99" spans="1:15">
      <c r="A99" s="45" t="s">
        <v>438</v>
      </c>
      <c r="B99" s="175">
        <v>2222</v>
      </c>
      <c r="C99" s="180">
        <v>0.58599999999999997</v>
      </c>
      <c r="D99" s="94">
        <v>2.0880464848175077E-2</v>
      </c>
      <c r="E99" s="180">
        <v>9.9000000000000005E-2</v>
      </c>
      <c r="F99" s="94">
        <v>1.2701308514747406E-2</v>
      </c>
      <c r="G99" s="180">
        <v>0.315</v>
      </c>
      <c r="H99" s="94">
        <v>1.9696615860197397E-2</v>
      </c>
      <c r="I99" s="175">
        <v>2221</v>
      </c>
      <c r="J99" s="180">
        <v>0.61499999999999999</v>
      </c>
      <c r="K99" s="94">
        <v>2.0633669781807227E-2</v>
      </c>
      <c r="L99" s="180">
        <v>8.5999999999999993E-2</v>
      </c>
      <c r="M99" s="94">
        <v>1.1933877853306938E-2</v>
      </c>
      <c r="N99" s="180">
        <v>0.29899999999999999</v>
      </c>
      <c r="O99" s="94">
        <v>1.9418241462164067E-2</v>
      </c>
    </row>
    <row r="100" spans="1:15">
      <c r="A100" s="49" t="s">
        <v>449</v>
      </c>
      <c r="B100" s="177">
        <v>261</v>
      </c>
      <c r="C100" s="181">
        <v>0.58699999999999997</v>
      </c>
      <c r="D100" s="97">
        <v>6.0520730719147438E-2</v>
      </c>
      <c r="E100" s="181">
        <v>9.4E-2</v>
      </c>
      <c r="F100" s="97">
        <v>3.6878715044954324E-2</v>
      </c>
      <c r="G100" s="181">
        <v>0.31900000000000001</v>
      </c>
      <c r="H100" s="97">
        <v>5.7392465100657056E-2</v>
      </c>
      <c r="I100" s="177">
        <v>260</v>
      </c>
      <c r="J100" s="181">
        <v>0.59799999999999998</v>
      </c>
      <c r="K100" s="97">
        <v>6.0388242073497918E-2</v>
      </c>
      <c r="L100" s="181">
        <v>9.4E-2</v>
      </c>
      <c r="M100" s="97">
        <v>3.6952301188106405E-2</v>
      </c>
      <c r="N100" s="181">
        <v>0.308</v>
      </c>
      <c r="O100" s="97">
        <v>5.6974825394865029E-2</v>
      </c>
    </row>
    <row r="101" spans="1:15">
      <c r="A101" s="45" t="s">
        <v>439</v>
      </c>
      <c r="B101" s="175">
        <v>129</v>
      </c>
      <c r="C101" s="180">
        <v>0.53600000000000003</v>
      </c>
      <c r="D101" s="94">
        <v>8.6499299424912968E-2</v>
      </c>
      <c r="E101" s="180">
        <v>0.123</v>
      </c>
      <c r="F101" s="94">
        <v>5.9139583755443897E-2</v>
      </c>
      <c r="G101" s="180">
        <v>0.34100000000000003</v>
      </c>
      <c r="H101" s="94">
        <v>8.2483408140023792E-2</v>
      </c>
      <c r="I101" s="175">
        <v>130</v>
      </c>
      <c r="J101" s="180">
        <v>0.6</v>
      </c>
      <c r="K101" s="94">
        <v>8.4745114640128447E-2</v>
      </c>
      <c r="L101" s="180">
        <v>0.08</v>
      </c>
      <c r="M101" s="94">
        <v>5.006686843700757E-2</v>
      </c>
      <c r="N101" s="180">
        <v>0.31900000000000001</v>
      </c>
      <c r="O101" s="94">
        <v>8.0884234271645275E-2</v>
      </c>
    </row>
    <row r="102" spans="1:15" ht="25.5">
      <c r="A102" s="49" t="s">
        <v>440</v>
      </c>
      <c r="B102" s="177">
        <v>88</v>
      </c>
      <c r="C102" s="181">
        <v>0.66600000000000004</v>
      </c>
      <c r="D102" s="97">
        <v>9.8860482098192828E-2</v>
      </c>
      <c r="E102" s="181">
        <v>6.0999999999999999E-2</v>
      </c>
      <c r="F102" s="97">
        <v>5.659660303096406E-2</v>
      </c>
      <c r="G102" s="181">
        <v>0.27300000000000002</v>
      </c>
      <c r="H102" s="97">
        <v>9.3913552823655516E-2</v>
      </c>
      <c r="I102" s="177">
        <v>87</v>
      </c>
      <c r="J102" s="181">
        <v>0.624</v>
      </c>
      <c r="K102" s="97">
        <v>0.10183935372981567</v>
      </c>
      <c r="L102" s="181">
        <v>0.11799999999999999</v>
      </c>
      <c r="M102" s="97">
        <v>7.1597943006800072E-2</v>
      </c>
      <c r="N102" s="181">
        <v>0.25800000000000001</v>
      </c>
      <c r="O102" s="97">
        <v>9.2930632296437082E-2</v>
      </c>
    </row>
    <row r="103" spans="1:15">
      <c r="A103" s="45" t="s">
        <v>475</v>
      </c>
      <c r="B103" s="175">
        <v>242</v>
      </c>
      <c r="C103" s="180">
        <v>0.69599999999999995</v>
      </c>
      <c r="D103" s="94">
        <v>5.8826345502125441E-2</v>
      </c>
      <c r="E103" s="180">
        <v>6.7000000000000004E-2</v>
      </c>
      <c r="F103" s="94">
        <v>3.3388239128407271E-2</v>
      </c>
      <c r="G103" s="180">
        <v>0.23699999999999999</v>
      </c>
      <c r="H103" s="94">
        <v>5.4558406174167628E-2</v>
      </c>
      <c r="I103" s="175">
        <v>241</v>
      </c>
      <c r="J103" s="180">
        <v>0.58499999999999996</v>
      </c>
      <c r="K103" s="94">
        <v>6.2988044541428978E-2</v>
      </c>
      <c r="L103" s="180">
        <v>6.9000000000000006E-2</v>
      </c>
      <c r="M103" s="94">
        <v>3.3867725813389746E-2</v>
      </c>
      <c r="N103" s="180">
        <v>0.34599999999999997</v>
      </c>
      <c r="O103" s="94">
        <v>6.0884913632510945E-2</v>
      </c>
    </row>
    <row r="104" spans="1:15">
      <c r="A104" s="49" t="s">
        <v>441</v>
      </c>
      <c r="B104" s="177">
        <v>75</v>
      </c>
      <c r="C104" s="181">
        <v>0.72499999999999998</v>
      </c>
      <c r="D104" s="97">
        <v>0.1017248200138659</v>
      </c>
      <c r="E104" s="181">
        <v>4.8000000000000001E-2</v>
      </c>
      <c r="F104" s="97">
        <v>5.7747262606334372E-2</v>
      </c>
      <c r="G104" s="181">
        <v>0.22700000000000001</v>
      </c>
      <c r="H104" s="97">
        <v>9.6213678631305879E-2</v>
      </c>
      <c r="I104" s="177">
        <v>75</v>
      </c>
      <c r="J104" s="181">
        <v>0.53400000000000003</v>
      </c>
      <c r="K104" s="97">
        <v>0.11227409942050004</v>
      </c>
      <c r="L104" s="181">
        <v>5.8999999999999997E-2</v>
      </c>
      <c r="M104" s="97">
        <v>6.1506278017479772E-2</v>
      </c>
      <c r="N104" s="181">
        <v>0.40799999999999997</v>
      </c>
      <c r="O104" s="97">
        <v>0.11077892566509295</v>
      </c>
    </row>
    <row r="105" spans="1:15" ht="25.5">
      <c r="A105" s="45" t="s">
        <v>442</v>
      </c>
      <c r="B105" s="175">
        <v>101</v>
      </c>
      <c r="C105" s="180">
        <v>0.74</v>
      </c>
      <c r="D105" s="94">
        <v>8.6565137509680951E-2</v>
      </c>
      <c r="E105" s="180">
        <v>8.5000000000000006E-2</v>
      </c>
      <c r="F105" s="94">
        <v>5.8764084826353674E-2</v>
      </c>
      <c r="G105" s="180">
        <v>0.17499999999999999</v>
      </c>
      <c r="H105" s="94">
        <v>7.6162565749538322E-2</v>
      </c>
      <c r="I105" s="175">
        <v>100</v>
      </c>
      <c r="J105" s="180">
        <v>0.61199999999999999</v>
      </c>
      <c r="K105" s="94">
        <v>9.5756575766147253E-2</v>
      </c>
      <c r="L105" s="180">
        <v>0.08</v>
      </c>
      <c r="M105" s="94">
        <v>5.7815450431546754E-2</v>
      </c>
      <c r="N105" s="180">
        <v>0.307</v>
      </c>
      <c r="O105" s="94">
        <v>9.1053915900521823E-2</v>
      </c>
    </row>
    <row r="106" spans="1:15">
      <c r="A106" s="49" t="s">
        <v>462</v>
      </c>
      <c r="B106" s="177">
        <v>66</v>
      </c>
      <c r="C106" s="181">
        <v>0.61599999999999999</v>
      </c>
      <c r="D106" s="97">
        <v>0.11662832065087178</v>
      </c>
      <c r="E106" s="181">
        <v>6.7000000000000004E-2</v>
      </c>
      <c r="F106" s="97">
        <v>6.9003563181754796E-2</v>
      </c>
      <c r="G106" s="181">
        <v>0.317</v>
      </c>
      <c r="H106" s="97">
        <v>0.11218071197822596</v>
      </c>
      <c r="I106" s="177">
        <v>66</v>
      </c>
      <c r="J106" s="181">
        <v>0.60699999999999998</v>
      </c>
      <c r="K106" s="97">
        <v>0.11706459087750568</v>
      </c>
      <c r="L106" s="181">
        <v>6.8000000000000005E-2</v>
      </c>
      <c r="M106" s="97">
        <v>6.9321228516465785E-2</v>
      </c>
      <c r="N106" s="181">
        <v>0.32500000000000001</v>
      </c>
      <c r="O106" s="97">
        <v>0.11282730166054668</v>
      </c>
    </row>
    <row r="107" spans="1:15">
      <c r="A107" s="45" t="s">
        <v>450</v>
      </c>
      <c r="B107" s="175">
        <v>230</v>
      </c>
      <c r="C107" s="180">
        <v>0.60699999999999998</v>
      </c>
      <c r="D107" s="94">
        <v>6.3909534532520476E-2</v>
      </c>
      <c r="E107" s="180">
        <v>9.4E-2</v>
      </c>
      <c r="F107" s="94">
        <v>3.9386589941147951E-2</v>
      </c>
      <c r="G107" s="180">
        <v>0.29899999999999999</v>
      </c>
      <c r="H107" s="94">
        <v>6.0052459314420242E-2</v>
      </c>
      <c r="I107" s="175">
        <v>231</v>
      </c>
      <c r="J107" s="180">
        <v>0.66600000000000004</v>
      </c>
      <c r="K107" s="94">
        <v>6.1661270021653614E-2</v>
      </c>
      <c r="L107" s="180">
        <v>6.0999999999999999E-2</v>
      </c>
      <c r="M107" s="94">
        <v>3.2949704811820031E-2</v>
      </c>
      <c r="N107" s="180">
        <v>0.27300000000000002</v>
      </c>
      <c r="O107" s="94">
        <v>5.8376656591232728E-2</v>
      </c>
    </row>
    <row r="108" spans="1:15">
      <c r="A108" s="49" t="s">
        <v>443</v>
      </c>
      <c r="B108" s="177">
        <v>109</v>
      </c>
      <c r="C108" s="181">
        <v>0.60699999999999998</v>
      </c>
      <c r="D108" s="97">
        <v>9.2046006711027029E-2</v>
      </c>
      <c r="E108" s="181">
        <v>0.13300000000000001</v>
      </c>
      <c r="F108" s="97">
        <v>6.6433208039662295E-2</v>
      </c>
      <c r="G108" s="181">
        <v>0.26</v>
      </c>
      <c r="H108" s="97">
        <v>8.3381138188368398E-2</v>
      </c>
      <c r="I108" s="177">
        <v>109</v>
      </c>
      <c r="J108" s="181">
        <v>0.60799999999999998</v>
      </c>
      <c r="K108" s="97">
        <v>9.2007532303205117E-2</v>
      </c>
      <c r="L108" s="181">
        <v>5.8000000000000003E-2</v>
      </c>
      <c r="M108" s="97">
        <v>4.9142120705920701E-2</v>
      </c>
      <c r="N108" s="181">
        <v>0.33300000000000002</v>
      </c>
      <c r="O108" s="97">
        <v>8.905611169286333E-2</v>
      </c>
    </row>
    <row r="109" spans="1:15">
      <c r="A109" s="57" t="s">
        <v>444</v>
      </c>
      <c r="B109" s="175">
        <v>121</v>
      </c>
      <c r="C109" s="180">
        <v>0.60599999999999998</v>
      </c>
      <c r="D109" s="94">
        <v>8.7539083538451565E-2</v>
      </c>
      <c r="E109" s="180">
        <v>7.3999999999999996E-2</v>
      </c>
      <c r="F109" s="94">
        <v>5.058146145014001E-2</v>
      </c>
      <c r="G109" s="180">
        <v>0.32</v>
      </c>
      <c r="H109" s="94">
        <v>8.383611105484319E-2</v>
      </c>
      <c r="I109" s="175">
        <v>122</v>
      </c>
      <c r="J109" s="180">
        <v>0.69599999999999995</v>
      </c>
      <c r="K109" s="94">
        <v>8.2420600572824201E-2</v>
      </c>
      <c r="L109" s="180">
        <v>6.2E-2</v>
      </c>
      <c r="M109" s="94">
        <v>4.7188655155609445E-2</v>
      </c>
      <c r="N109" s="180">
        <v>0.24199999999999999</v>
      </c>
      <c r="O109" s="94">
        <v>7.7171259107211329E-2</v>
      </c>
    </row>
    <row r="110" spans="1:15">
      <c r="A110" s="49" t="s">
        <v>451</v>
      </c>
      <c r="B110" s="177">
        <v>71</v>
      </c>
      <c r="C110" s="181">
        <v>0.58399999999999996</v>
      </c>
      <c r="D110" s="97">
        <v>0.11400036715730349</v>
      </c>
      <c r="E110" s="181">
        <v>9.8000000000000004E-2</v>
      </c>
      <c r="F110" s="97">
        <v>7.4895157440251103E-2</v>
      </c>
      <c r="G110" s="181">
        <v>0.318</v>
      </c>
      <c r="H110" s="97">
        <v>0.10839803375557175</v>
      </c>
      <c r="I110" s="177">
        <v>71</v>
      </c>
      <c r="J110" s="181">
        <v>0.56899999999999995</v>
      </c>
      <c r="K110" s="97">
        <v>0.11448046065595648</v>
      </c>
      <c r="L110" s="181">
        <v>0.16800000000000001</v>
      </c>
      <c r="M110" s="97">
        <v>8.9805627328424426E-2</v>
      </c>
      <c r="N110" s="181">
        <v>0.26300000000000001</v>
      </c>
      <c r="O110" s="97">
        <v>0.10319240034033514</v>
      </c>
    </row>
    <row r="111" spans="1:15">
      <c r="A111" s="57" t="s">
        <v>452</v>
      </c>
      <c r="B111" s="175">
        <v>280</v>
      </c>
      <c r="C111" s="180">
        <v>0.64900000000000002</v>
      </c>
      <c r="D111" s="94">
        <v>5.6720214767864437E-2</v>
      </c>
      <c r="E111" s="180">
        <v>0.128</v>
      </c>
      <c r="F111" s="94">
        <v>4.0330795759634219E-2</v>
      </c>
      <c r="G111" s="180">
        <v>0.224</v>
      </c>
      <c r="H111" s="94">
        <v>4.9781875135075045E-2</v>
      </c>
      <c r="I111" s="175">
        <v>279</v>
      </c>
      <c r="J111" s="180">
        <v>0.63300000000000001</v>
      </c>
      <c r="K111" s="94">
        <v>5.7363450834571103E-2</v>
      </c>
      <c r="L111" s="180">
        <v>0.10299999999999999</v>
      </c>
      <c r="M111" s="94">
        <v>3.6992003972381074E-2</v>
      </c>
      <c r="N111" s="180">
        <v>0.26400000000000001</v>
      </c>
      <c r="O111" s="94">
        <v>5.2615992464405993E-2</v>
      </c>
    </row>
    <row r="112" spans="1:15">
      <c r="A112" s="49" t="s">
        <v>445</v>
      </c>
      <c r="B112" s="177">
        <v>93</v>
      </c>
      <c r="C112" s="181">
        <v>0.747</v>
      </c>
      <c r="D112" s="97">
        <v>8.9424027382522614E-2</v>
      </c>
      <c r="E112" s="181">
        <v>0.1</v>
      </c>
      <c r="F112" s="97">
        <v>6.514814089812343E-2</v>
      </c>
      <c r="G112" s="181">
        <v>0.153</v>
      </c>
      <c r="H112" s="97">
        <v>7.5795950638062701E-2</v>
      </c>
      <c r="I112" s="177">
        <v>92</v>
      </c>
      <c r="J112" s="181">
        <v>0.66400000000000003</v>
      </c>
      <c r="K112" s="97">
        <v>9.6888819205505017E-2</v>
      </c>
      <c r="L112" s="181">
        <v>0.10299999999999999</v>
      </c>
      <c r="M112" s="97">
        <v>6.6222936798495974E-2</v>
      </c>
      <c r="N112" s="181">
        <v>0.23300000000000001</v>
      </c>
      <c r="O112" s="97">
        <v>8.7685038721694142E-2</v>
      </c>
    </row>
    <row r="113" spans="1:28">
      <c r="A113" s="57" t="s">
        <v>446</v>
      </c>
      <c r="B113" s="175">
        <v>107</v>
      </c>
      <c r="C113" s="180">
        <v>0.48399999999999999</v>
      </c>
      <c r="D113" s="94">
        <v>9.4870631309386277E-2</v>
      </c>
      <c r="E113" s="180">
        <v>0.19900000000000001</v>
      </c>
      <c r="F113" s="94">
        <v>7.7299265806632517E-2</v>
      </c>
      <c r="G113" s="180">
        <v>0.317</v>
      </c>
      <c r="H113" s="94">
        <v>8.881220858851295E-2</v>
      </c>
      <c r="I113" s="175">
        <v>107</v>
      </c>
      <c r="J113" s="180">
        <v>0.57099999999999995</v>
      </c>
      <c r="K113" s="94">
        <v>9.4022379757472088E-2</v>
      </c>
      <c r="L113" s="180">
        <v>0.14699999999999999</v>
      </c>
      <c r="M113" s="94">
        <v>6.9544207754395043E-2</v>
      </c>
      <c r="N113" s="180">
        <v>0.28199999999999997</v>
      </c>
      <c r="O113" s="94">
        <v>8.6125707137760465E-2</v>
      </c>
    </row>
    <row r="114" spans="1:28">
      <c r="A114" s="49" t="s">
        <v>447</v>
      </c>
      <c r="B114" s="177">
        <v>80</v>
      </c>
      <c r="C114" s="181">
        <v>0.749</v>
      </c>
      <c r="D114" s="97">
        <v>9.6056348865831878E-2</v>
      </c>
      <c r="E114" s="181">
        <v>6.8000000000000005E-2</v>
      </c>
      <c r="F114" s="97">
        <v>6.2000971809682108E-2</v>
      </c>
      <c r="G114" s="181">
        <v>0.183</v>
      </c>
      <c r="H114" s="97">
        <v>8.6973864366374054E-2</v>
      </c>
      <c r="I114" s="177">
        <v>80</v>
      </c>
      <c r="J114" s="181">
        <v>0.67400000000000004</v>
      </c>
      <c r="K114" s="97">
        <v>0.10294214175013534</v>
      </c>
      <c r="L114" s="181">
        <v>0.05</v>
      </c>
      <c r="M114" s="97">
        <v>5.6199699462103084E-2</v>
      </c>
      <c r="N114" s="181">
        <v>0.27600000000000002</v>
      </c>
      <c r="O114" s="97">
        <v>9.8679106894854596E-2</v>
      </c>
    </row>
    <row r="115" spans="1:28">
      <c r="A115" s="57" t="s">
        <v>453</v>
      </c>
      <c r="B115" s="175">
        <v>69</v>
      </c>
      <c r="C115" s="180">
        <v>0.69799999999999995</v>
      </c>
      <c r="D115" s="94">
        <v>0.10853308847893493</v>
      </c>
      <c r="E115" s="180">
        <v>4.5999999999999999E-2</v>
      </c>
      <c r="F115" s="94">
        <v>6.0069915419728018E-2</v>
      </c>
      <c r="G115" s="180">
        <v>0.25700000000000001</v>
      </c>
      <c r="H115" s="94">
        <v>0.10396122360322199</v>
      </c>
      <c r="I115" s="175">
        <v>68</v>
      </c>
      <c r="J115" s="180">
        <v>0.67</v>
      </c>
      <c r="K115" s="94">
        <v>0.11160991432968839</v>
      </c>
      <c r="L115" s="180">
        <v>7.5999999999999998E-2</v>
      </c>
      <c r="M115" s="94">
        <v>7.0570786729661356E-2</v>
      </c>
      <c r="N115" s="180">
        <v>0.254</v>
      </c>
      <c r="O115" s="94">
        <v>0.10435548812225721</v>
      </c>
    </row>
    <row r="116" spans="1:28">
      <c r="A116" s="49" t="s">
        <v>459</v>
      </c>
      <c r="B116" s="177">
        <v>34</v>
      </c>
      <c r="C116" s="181">
        <v>0.70199999999999996</v>
      </c>
      <c r="D116" s="97">
        <v>0.1512523836805007</v>
      </c>
      <c r="E116" s="181">
        <v>1E-3</v>
      </c>
      <c r="F116" s="97">
        <v>7.3025770006195839E-2</v>
      </c>
      <c r="G116" s="181">
        <v>0.29699999999999999</v>
      </c>
      <c r="H116" s="97">
        <v>0.15113952060024605</v>
      </c>
      <c r="I116" s="177">
        <v>34</v>
      </c>
      <c r="J116" s="181">
        <v>0.75</v>
      </c>
      <c r="K116" s="97">
        <v>0.14508268929393292</v>
      </c>
      <c r="L116" s="181">
        <v>5.0999999999999997E-2</v>
      </c>
      <c r="M116" s="97">
        <v>9.657694488704241E-2</v>
      </c>
      <c r="N116" s="181">
        <v>0.2</v>
      </c>
      <c r="O116" s="97">
        <v>0.13686341193596327</v>
      </c>
    </row>
    <row r="119" spans="1:28" ht="18.75">
      <c r="A119" s="322" t="s">
        <v>266</v>
      </c>
      <c r="B119" s="322"/>
      <c r="C119" s="322"/>
      <c r="D119" s="322"/>
      <c r="E119" s="322"/>
      <c r="F119" s="322"/>
      <c r="G119" s="322"/>
      <c r="H119" s="322"/>
      <c r="I119" s="322"/>
      <c r="J119" s="322"/>
      <c r="K119" s="322"/>
      <c r="L119" s="322"/>
      <c r="M119" s="227"/>
      <c r="N119" s="227"/>
      <c r="O119" s="227"/>
      <c r="P119" s="227"/>
      <c r="Q119" s="227"/>
      <c r="R119" s="227"/>
      <c r="S119" s="227"/>
      <c r="T119" s="227"/>
      <c r="U119" s="227"/>
      <c r="V119" s="227"/>
      <c r="W119" s="227"/>
      <c r="X119" s="227"/>
      <c r="Y119" s="227"/>
      <c r="Z119" s="227"/>
      <c r="AA119" s="227"/>
      <c r="AB119" s="257"/>
    </row>
    <row r="120" spans="1:28" ht="37.5" customHeight="1">
      <c r="A120" s="369" t="s">
        <v>500</v>
      </c>
      <c r="B120" s="369"/>
      <c r="C120" s="369"/>
      <c r="D120" s="369"/>
      <c r="E120" s="369"/>
      <c r="F120" s="369"/>
      <c r="G120" s="369"/>
      <c r="H120" s="369"/>
      <c r="I120" s="369"/>
      <c r="J120" s="369"/>
      <c r="K120" s="369"/>
      <c r="L120" s="369"/>
      <c r="M120" s="253"/>
      <c r="N120" s="253"/>
      <c r="O120" s="253"/>
      <c r="P120" s="253"/>
      <c r="Q120" s="253"/>
      <c r="R120" s="253"/>
      <c r="S120" s="253"/>
      <c r="T120" s="253"/>
      <c r="U120" s="253"/>
      <c r="V120" s="253"/>
      <c r="W120" s="253"/>
      <c r="X120" s="253"/>
      <c r="Y120" s="253"/>
      <c r="Z120" s="253"/>
      <c r="AA120" s="253"/>
      <c r="AB120" s="257"/>
    </row>
    <row r="121" spans="1:28" ht="38.25" customHeight="1">
      <c r="A121" s="367" t="s">
        <v>267</v>
      </c>
      <c r="B121" s="368"/>
      <c r="C121" s="368"/>
      <c r="D121" s="368"/>
      <c r="E121" s="368"/>
      <c r="F121" s="368"/>
      <c r="G121" s="368"/>
      <c r="H121" s="368"/>
      <c r="I121" s="368"/>
      <c r="J121" s="368"/>
      <c r="K121" s="368"/>
      <c r="L121" s="368"/>
      <c r="M121" s="248"/>
      <c r="N121" s="257"/>
      <c r="O121" s="257"/>
      <c r="P121" s="257"/>
      <c r="Q121" s="257"/>
      <c r="R121" s="257"/>
      <c r="S121" s="257"/>
      <c r="T121" s="257"/>
      <c r="U121" s="257"/>
      <c r="V121" s="257"/>
      <c r="W121" s="257"/>
      <c r="X121" s="257"/>
      <c r="Y121" s="257"/>
      <c r="Z121" s="257"/>
      <c r="AA121" s="257"/>
      <c r="AB121" s="257"/>
    </row>
    <row r="122" spans="1:28" ht="72">
      <c r="A122" s="37" t="s">
        <v>85</v>
      </c>
      <c r="B122" s="38" t="s">
        <v>86</v>
      </c>
      <c r="C122" s="39" t="s">
        <v>87</v>
      </c>
      <c r="D122" s="40" t="s">
        <v>88</v>
      </c>
      <c r="E122" s="38" t="s">
        <v>268</v>
      </c>
      <c r="F122" s="89" t="s">
        <v>322</v>
      </c>
      <c r="G122" s="38" t="s">
        <v>269</v>
      </c>
      <c r="H122" s="89" t="s">
        <v>323</v>
      </c>
      <c r="I122" s="38" t="s">
        <v>384</v>
      </c>
      <c r="J122" s="89" t="s">
        <v>324</v>
      </c>
      <c r="K122" s="38" t="s">
        <v>356</v>
      </c>
      <c r="L122" s="89" t="s">
        <v>355</v>
      </c>
      <c r="M122" s="248"/>
      <c r="N122" s="256"/>
      <c r="O122" s="248"/>
      <c r="P122" s="256"/>
      <c r="Q122" s="248"/>
    </row>
    <row r="123" spans="1:28" ht="72">
      <c r="A123" s="41"/>
      <c r="B123" s="42" t="s">
        <v>89</v>
      </c>
      <c r="C123" s="128" t="s">
        <v>359</v>
      </c>
      <c r="D123" s="44" t="s">
        <v>91</v>
      </c>
      <c r="E123" s="42" t="s">
        <v>181</v>
      </c>
      <c r="F123" s="91" t="s">
        <v>104</v>
      </c>
      <c r="G123" s="42" t="s">
        <v>182</v>
      </c>
      <c r="H123" s="91" t="s">
        <v>104</v>
      </c>
      <c r="I123" s="42" t="s">
        <v>183</v>
      </c>
      <c r="J123" s="91" t="s">
        <v>104</v>
      </c>
      <c r="K123" s="42" t="s">
        <v>356</v>
      </c>
      <c r="L123" s="91" t="s">
        <v>104</v>
      </c>
    </row>
    <row r="124" spans="1:28">
      <c r="A124" s="45" t="s">
        <v>434</v>
      </c>
      <c r="B124" s="175">
        <v>10998</v>
      </c>
      <c r="C124" s="176">
        <v>5.18</v>
      </c>
      <c r="D124" s="85">
        <v>1.9599999999999999E-2</v>
      </c>
      <c r="E124" s="180">
        <v>0.122</v>
      </c>
      <c r="F124" s="94">
        <v>6.2435533845204179E-3</v>
      </c>
      <c r="G124" s="180">
        <v>0.159</v>
      </c>
      <c r="H124" s="94">
        <v>6.9747391938981785E-3</v>
      </c>
      <c r="I124" s="180">
        <v>0.69599999999999995</v>
      </c>
      <c r="J124" s="94">
        <v>8.7713057149752891E-3</v>
      </c>
      <c r="K124" s="93">
        <v>2.1999999999999999E-2</v>
      </c>
      <c r="L124" s="94">
        <v>2.8076627800380362E-3</v>
      </c>
    </row>
    <row r="125" spans="1:28">
      <c r="A125" s="49" t="s">
        <v>435</v>
      </c>
      <c r="B125" s="177">
        <v>8704</v>
      </c>
      <c r="C125" s="178">
        <v>5.18</v>
      </c>
      <c r="D125" s="179">
        <v>3.0241232E-2</v>
      </c>
      <c r="E125" s="181">
        <v>0.13600000000000001</v>
      </c>
      <c r="F125" s="97">
        <v>7.350584723771033E-3</v>
      </c>
      <c r="G125" s="181">
        <v>0.14299999999999999</v>
      </c>
      <c r="H125" s="97">
        <v>7.5064834914501275E-3</v>
      </c>
      <c r="I125" s="181">
        <v>0.70899999999999996</v>
      </c>
      <c r="J125" s="97">
        <v>9.7360460509007974E-3</v>
      </c>
      <c r="K125" s="96">
        <v>1.2E-2</v>
      </c>
      <c r="L125" s="97">
        <v>2.3551009506040999E-3</v>
      </c>
    </row>
    <row r="126" spans="1:28">
      <c r="A126" s="45" t="s">
        <v>436</v>
      </c>
      <c r="B126" s="175">
        <v>1985</v>
      </c>
      <c r="C126" s="176">
        <v>5.1100000000000003</v>
      </c>
      <c r="D126" s="85">
        <v>5.8799999999999998E-2</v>
      </c>
      <c r="E126" s="180">
        <v>0.11020000000000001</v>
      </c>
      <c r="F126" s="94">
        <v>1.4086316035216383E-2</v>
      </c>
      <c r="G126" s="180">
        <v>0.18759999999999999</v>
      </c>
      <c r="H126" s="94">
        <v>1.7529598858582702E-2</v>
      </c>
      <c r="I126" s="180">
        <v>0.66069999999999995</v>
      </c>
      <c r="J126" s="94">
        <v>2.1237685032857008E-2</v>
      </c>
      <c r="K126" s="93">
        <v>4.1500000000000002E-2</v>
      </c>
      <c r="L126" s="94">
        <v>9.0384841972558465E-3</v>
      </c>
    </row>
    <row r="127" spans="1:28">
      <c r="A127" s="49" t="s">
        <v>437</v>
      </c>
      <c r="B127" s="177">
        <v>3072</v>
      </c>
      <c r="C127" s="178">
        <v>5.18</v>
      </c>
      <c r="D127" s="179">
        <v>5.8799999999999998E-2</v>
      </c>
      <c r="E127" s="181">
        <v>0.125</v>
      </c>
      <c r="F127" s="97">
        <v>1.1945938959966739E-2</v>
      </c>
      <c r="G127" s="181">
        <v>0.15</v>
      </c>
      <c r="H127" s="97">
        <v>1.2892391907204426E-2</v>
      </c>
      <c r="I127" s="181">
        <v>0.70499999999999996</v>
      </c>
      <c r="J127" s="97">
        <v>1.6449640480672326E-2</v>
      </c>
      <c r="K127" s="96">
        <v>2.1000000000000001E-2</v>
      </c>
      <c r="L127" s="97">
        <v>5.2450159176232677E-3</v>
      </c>
    </row>
    <row r="128" spans="1:28">
      <c r="A128" s="45" t="s">
        <v>438</v>
      </c>
      <c r="B128" s="175">
        <v>2481</v>
      </c>
      <c r="C128" s="176">
        <v>5.23</v>
      </c>
      <c r="D128" s="85">
        <v>5.8799999999999998E-2</v>
      </c>
      <c r="E128" s="180">
        <v>0.128</v>
      </c>
      <c r="F128" s="94">
        <v>1.3430566252849989E-2</v>
      </c>
      <c r="G128" s="180">
        <v>0.13600000000000001</v>
      </c>
      <c r="H128" s="94">
        <v>1.3777782434920264E-2</v>
      </c>
      <c r="I128" s="180">
        <v>0.72599999999999998</v>
      </c>
      <c r="J128" s="94">
        <v>1.7901509999631783E-2</v>
      </c>
      <c r="K128" s="93">
        <v>0.01</v>
      </c>
      <c r="L128" s="94">
        <v>4.1447327894179598E-3</v>
      </c>
    </row>
    <row r="129" spans="1:12">
      <c r="A129" s="49" t="s">
        <v>449</v>
      </c>
      <c r="B129" s="177">
        <v>293</v>
      </c>
      <c r="C129" s="178">
        <v>5.47</v>
      </c>
      <c r="D129" s="179">
        <v>0.15679999999999999</v>
      </c>
      <c r="E129" s="181">
        <v>0.104</v>
      </c>
      <c r="F129" s="97">
        <v>3.6214764471571369E-2</v>
      </c>
      <c r="G129" s="181">
        <v>0.107</v>
      </c>
      <c r="H129" s="97">
        <v>3.6640620193048201E-2</v>
      </c>
      <c r="I129" s="181">
        <v>0.77800000000000002</v>
      </c>
      <c r="J129" s="97">
        <v>4.8517927619703277E-2</v>
      </c>
      <c r="K129" s="96">
        <v>1.0999999999999999E-2</v>
      </c>
      <c r="L129" s="97">
        <v>1.525389883975763E-2</v>
      </c>
    </row>
    <row r="130" spans="1:12">
      <c r="A130" s="45" t="s">
        <v>439</v>
      </c>
      <c r="B130" s="175">
        <v>146</v>
      </c>
      <c r="C130" s="176">
        <v>5.56</v>
      </c>
      <c r="D130" s="85">
        <v>0.21559999999999999</v>
      </c>
      <c r="E130" s="180">
        <v>6.0999999999999999E-2</v>
      </c>
      <c r="F130" s="94">
        <v>4.2401385917251615E-2</v>
      </c>
      <c r="G130" s="180">
        <v>0.112</v>
      </c>
      <c r="H130" s="94">
        <v>5.3510861158515527E-2</v>
      </c>
      <c r="I130" s="180">
        <v>0.82699999999999996</v>
      </c>
      <c r="J130" s="94">
        <v>6.2970435729793092E-2</v>
      </c>
      <c r="K130" s="93">
        <v>0</v>
      </c>
      <c r="L130" s="94">
        <v>1.8730051116182648E-2</v>
      </c>
    </row>
    <row r="131" spans="1:12" ht="25.5">
      <c r="A131" s="49" t="s">
        <v>440</v>
      </c>
      <c r="B131" s="177">
        <v>93</v>
      </c>
      <c r="C131" s="178">
        <v>5.03</v>
      </c>
      <c r="D131" s="179">
        <v>0.31359999999999999</v>
      </c>
      <c r="E131" s="181">
        <v>0.24099999999999999</v>
      </c>
      <c r="F131" s="97">
        <v>8.8127691424825585E-2</v>
      </c>
      <c r="G131" s="181">
        <v>8.3000000000000004E-2</v>
      </c>
      <c r="H131" s="97">
        <v>6.0973769132327438E-2</v>
      </c>
      <c r="I131" s="181">
        <v>0.67600000000000005</v>
      </c>
      <c r="J131" s="97">
        <v>9.5577689450374009E-2</v>
      </c>
      <c r="K131" s="96">
        <v>0</v>
      </c>
      <c r="L131" s="97">
        <v>2.885686812463846E-2</v>
      </c>
    </row>
    <row r="132" spans="1:12">
      <c r="A132" s="45" t="s">
        <v>475</v>
      </c>
      <c r="B132" s="175">
        <v>265</v>
      </c>
      <c r="C132" s="176">
        <v>4.75</v>
      </c>
      <c r="D132" s="85">
        <v>0.19600000000000001</v>
      </c>
      <c r="E132" s="180">
        <v>0.19400000000000001</v>
      </c>
      <c r="F132" s="94">
        <v>4.8643763789267574E-2</v>
      </c>
      <c r="G132" s="180">
        <v>0.19600000000000001</v>
      </c>
      <c r="H132" s="94">
        <v>4.8824394657417336E-2</v>
      </c>
      <c r="I132" s="180">
        <v>0.61</v>
      </c>
      <c r="J132" s="94">
        <v>5.9521908849696985E-2</v>
      </c>
      <c r="K132" s="93">
        <v>0</v>
      </c>
      <c r="L132" s="94">
        <v>1.0475438323093016E-2</v>
      </c>
    </row>
    <row r="133" spans="1:12">
      <c r="A133" s="49" t="s">
        <v>441</v>
      </c>
      <c r="B133" s="177">
        <v>83</v>
      </c>
      <c r="C133" s="178">
        <v>4.4000000000000004</v>
      </c>
      <c r="D133" s="179">
        <v>0.3528</v>
      </c>
      <c r="E133" s="181">
        <v>0.23799999999999999</v>
      </c>
      <c r="F133" s="97">
        <v>9.2853360201853988E-2</v>
      </c>
      <c r="G133" s="181">
        <v>0.221</v>
      </c>
      <c r="H133" s="97">
        <v>9.0757285546646541E-2</v>
      </c>
      <c r="I133" s="181">
        <v>0.54100000000000004</v>
      </c>
      <c r="J133" s="97">
        <v>0.10688268813962724</v>
      </c>
      <c r="K133" s="96">
        <v>0</v>
      </c>
      <c r="L133" s="97">
        <v>3.2134798233390625E-2</v>
      </c>
    </row>
    <row r="134" spans="1:12" ht="25.5">
      <c r="A134" s="45" t="s">
        <v>442</v>
      </c>
      <c r="B134" s="175">
        <v>107</v>
      </c>
      <c r="C134" s="176">
        <v>4.4400000000000004</v>
      </c>
      <c r="D134" s="85">
        <v>0.31359999999999999</v>
      </c>
      <c r="E134" s="180">
        <v>0.28899999999999998</v>
      </c>
      <c r="F134" s="94">
        <v>8.6707524520049331E-2</v>
      </c>
      <c r="G134" s="180">
        <v>0.14799999999999999</v>
      </c>
      <c r="H134" s="94">
        <v>6.9713730417598443E-2</v>
      </c>
      <c r="I134" s="180">
        <v>0.56200000000000006</v>
      </c>
      <c r="J134" s="94">
        <v>9.4235291727327253E-2</v>
      </c>
      <c r="K134" s="93">
        <v>0</v>
      </c>
      <c r="L134" s="94">
        <v>2.5250720474759302E-2</v>
      </c>
    </row>
    <row r="135" spans="1:12">
      <c r="A135" s="49" t="s">
        <v>462</v>
      </c>
      <c r="B135" s="177">
        <v>71</v>
      </c>
      <c r="C135" s="178">
        <v>5.42</v>
      </c>
      <c r="D135" s="179">
        <v>0.3528</v>
      </c>
      <c r="E135" s="181">
        <v>0.04</v>
      </c>
      <c r="F135" s="97">
        <v>5.6742121789594591E-2</v>
      </c>
      <c r="G135" s="181">
        <v>0.23499999999999999</v>
      </c>
      <c r="H135" s="97">
        <v>9.9884177073396516E-2</v>
      </c>
      <c r="I135" s="181">
        <v>0.72499999999999998</v>
      </c>
      <c r="J135" s="97">
        <v>0.10446843223353806</v>
      </c>
      <c r="K135" s="96">
        <v>0</v>
      </c>
      <c r="L135" s="97">
        <v>3.7206132509255738E-2</v>
      </c>
    </row>
    <row r="136" spans="1:12">
      <c r="A136" s="45" t="s">
        <v>450</v>
      </c>
      <c r="B136" s="175">
        <v>311</v>
      </c>
      <c r="C136" s="176">
        <v>5.31</v>
      </c>
      <c r="D136" s="85">
        <v>0.15679999999999999</v>
      </c>
      <c r="E136" s="180">
        <v>0.10199999999999999</v>
      </c>
      <c r="F136" s="94">
        <v>3.4840847425599814E-2</v>
      </c>
      <c r="G136" s="180">
        <v>0.153</v>
      </c>
      <c r="H136" s="94">
        <v>4.1038826437609408E-2</v>
      </c>
      <c r="I136" s="180">
        <v>0.71399999999999997</v>
      </c>
      <c r="J136" s="94">
        <v>5.1066055998499185E-2</v>
      </c>
      <c r="K136" s="93">
        <v>3.1E-2</v>
      </c>
      <c r="L136" s="94">
        <v>2.1258751316683245E-2</v>
      </c>
    </row>
    <row r="137" spans="1:12">
      <c r="A137" s="49" t="s">
        <v>443</v>
      </c>
      <c r="B137" s="177">
        <v>160</v>
      </c>
      <c r="C137" s="178">
        <v>5.19</v>
      </c>
      <c r="D137" s="179">
        <v>0.21559999999999999</v>
      </c>
      <c r="E137" s="181">
        <v>0.11600000000000001</v>
      </c>
      <c r="F137" s="97">
        <v>5.171433173884387E-2</v>
      </c>
      <c r="G137" s="181">
        <v>0.123</v>
      </c>
      <c r="H137" s="97">
        <v>5.2896486969783094E-2</v>
      </c>
      <c r="I137" s="181">
        <v>0.7</v>
      </c>
      <c r="J137" s="97">
        <v>7.1895490572705653E-2</v>
      </c>
      <c r="K137" s="96">
        <v>0.06</v>
      </c>
      <c r="L137" s="97">
        <v>4.003922859844046E-2</v>
      </c>
    </row>
    <row r="138" spans="1:12">
      <c r="A138" s="57" t="s">
        <v>444</v>
      </c>
      <c r="B138" s="175">
        <v>151</v>
      </c>
      <c r="C138" s="176">
        <v>5.4</v>
      </c>
      <c r="D138" s="85">
        <v>0.21559999999999999</v>
      </c>
      <c r="E138" s="180">
        <v>9.0999999999999998E-2</v>
      </c>
      <c r="F138" s="94">
        <v>4.8524407810936081E-2</v>
      </c>
      <c r="G138" s="180">
        <v>0.17399999999999999</v>
      </c>
      <c r="H138" s="94">
        <v>6.2038164312714236E-2</v>
      </c>
      <c r="I138" s="180">
        <v>0.72399999999999998</v>
      </c>
      <c r="J138" s="94">
        <v>7.2268373160901345E-2</v>
      </c>
      <c r="K138" s="93">
        <v>1.0999999999999999E-2</v>
      </c>
      <c r="L138" s="94">
        <v>2.4395388731750792E-2</v>
      </c>
    </row>
    <row r="139" spans="1:12">
      <c r="A139" s="49" t="s">
        <v>451</v>
      </c>
      <c r="B139" s="177">
        <v>91</v>
      </c>
      <c r="C139" s="178">
        <v>5.54</v>
      </c>
      <c r="D139" s="179">
        <v>0.29399999999999998</v>
      </c>
      <c r="E139" s="181">
        <v>8.6999999999999994E-2</v>
      </c>
      <c r="F139" s="97">
        <v>6.2741679748043608E-2</v>
      </c>
      <c r="G139" s="181">
        <v>9.8000000000000004E-2</v>
      </c>
      <c r="H139" s="97">
        <v>6.544367050847924E-2</v>
      </c>
      <c r="I139" s="181">
        <v>0.81499999999999995</v>
      </c>
      <c r="J139" s="97">
        <v>8.1809760868246817E-2</v>
      </c>
      <c r="K139" s="96">
        <v>0</v>
      </c>
      <c r="L139" s="97">
        <v>2.9457850911392545E-2</v>
      </c>
    </row>
    <row r="140" spans="1:12">
      <c r="A140" s="57" t="s">
        <v>452</v>
      </c>
      <c r="B140" s="175">
        <v>321</v>
      </c>
      <c r="C140" s="176">
        <v>4.99</v>
      </c>
      <c r="D140" s="85">
        <v>0.15679999999999999</v>
      </c>
      <c r="E140" s="180">
        <v>0.16800000000000001</v>
      </c>
      <c r="F140" s="94">
        <v>4.1874906677365292E-2</v>
      </c>
      <c r="G140" s="180">
        <v>0.16700000000000001</v>
      </c>
      <c r="H140" s="94">
        <v>4.1779461718759986E-2</v>
      </c>
      <c r="I140" s="180">
        <v>0.66400000000000003</v>
      </c>
      <c r="J140" s="94">
        <v>5.2478506216736963E-2</v>
      </c>
      <c r="K140" s="93">
        <v>1E-3</v>
      </c>
      <c r="L140" s="94">
        <v>9.3417421468232186E-3</v>
      </c>
    </row>
    <row r="141" spans="1:12">
      <c r="A141" s="49" t="s">
        <v>445</v>
      </c>
      <c r="B141" s="177">
        <v>104</v>
      </c>
      <c r="C141" s="178">
        <v>4.93</v>
      </c>
      <c r="D141" s="179">
        <v>0.27440000000000003</v>
      </c>
      <c r="E141" s="181">
        <v>0.16500000000000001</v>
      </c>
      <c r="F141" s="97">
        <v>7.3518458051272065E-2</v>
      </c>
      <c r="G141" s="181">
        <v>0.25800000000000001</v>
      </c>
      <c r="H141" s="97">
        <v>8.5134694883612957E-2</v>
      </c>
      <c r="I141" s="181">
        <v>0.57699999999999996</v>
      </c>
      <c r="J141" s="97">
        <v>9.5161082172438752E-2</v>
      </c>
      <c r="K141" s="96">
        <v>0</v>
      </c>
      <c r="L141" s="97">
        <v>2.5945514841396074E-2</v>
      </c>
    </row>
    <row r="142" spans="1:12">
      <c r="A142" s="57" t="s">
        <v>446</v>
      </c>
      <c r="B142" s="175">
        <v>122</v>
      </c>
      <c r="C142" s="176">
        <v>4.67</v>
      </c>
      <c r="D142" s="85">
        <v>0.25480000000000003</v>
      </c>
      <c r="E142" s="180">
        <v>0.20300000000000001</v>
      </c>
      <c r="F142" s="94">
        <v>7.2877952654799294E-2</v>
      </c>
      <c r="G142" s="180">
        <v>0.14099999999999999</v>
      </c>
      <c r="H142" s="94">
        <v>6.4036704010289491E-2</v>
      </c>
      <c r="I142" s="180">
        <v>0.65500000000000003</v>
      </c>
      <c r="J142" s="94">
        <v>8.4979210189087426E-2</v>
      </c>
      <c r="K142" s="93">
        <v>1E-3</v>
      </c>
      <c r="L142" s="94">
        <v>2.2926827338089834E-2</v>
      </c>
    </row>
    <row r="143" spans="1:12">
      <c r="A143" s="49" t="s">
        <v>447</v>
      </c>
      <c r="B143" s="177">
        <v>95</v>
      </c>
      <c r="C143" s="178">
        <v>5.44</v>
      </c>
      <c r="D143" s="179">
        <v>0.29399999999999998</v>
      </c>
      <c r="E143" s="181">
        <v>0.126</v>
      </c>
      <c r="F143" s="97">
        <v>6.9977995223058032E-2</v>
      </c>
      <c r="G143" s="181">
        <v>0.107</v>
      </c>
      <c r="H143" s="97">
        <v>6.5990385393425596E-2</v>
      </c>
      <c r="I143" s="181">
        <v>0.76500000000000001</v>
      </c>
      <c r="J143" s="97">
        <v>8.6534889585768021E-2</v>
      </c>
      <c r="K143" s="96">
        <v>1E-3</v>
      </c>
      <c r="L143" s="97">
        <v>2.8929592107683665E-2</v>
      </c>
    </row>
    <row r="144" spans="1:12">
      <c r="A144" s="57" t="s">
        <v>453</v>
      </c>
      <c r="B144" s="175">
        <v>101</v>
      </c>
      <c r="C144" s="176">
        <v>5.36</v>
      </c>
      <c r="D144" s="85">
        <v>0.27440000000000003</v>
      </c>
      <c r="E144" s="180">
        <v>6.7000000000000004E-2</v>
      </c>
      <c r="F144" s="94">
        <v>5.3992515640298777E-2</v>
      </c>
      <c r="G144" s="180">
        <v>0.14699999999999999</v>
      </c>
      <c r="H144" s="94">
        <v>7.1635101954164823E-2</v>
      </c>
      <c r="I144" s="180">
        <v>0.77700000000000002</v>
      </c>
      <c r="J144" s="94">
        <v>8.2578831901656796E-2</v>
      </c>
      <c r="K144" s="93">
        <v>8.9999999999999993E-3</v>
      </c>
      <c r="L144" s="94">
        <v>3.2034034325155371E-2</v>
      </c>
    </row>
    <row r="145" spans="1:15">
      <c r="A145" s="49" t="s">
        <v>459</v>
      </c>
      <c r="B145" s="177">
        <v>369</v>
      </c>
      <c r="C145" s="178">
        <v>5</v>
      </c>
      <c r="D145" s="179">
        <v>0.13720000000000002</v>
      </c>
      <c r="E145" s="181">
        <v>0.11600000000000001</v>
      </c>
      <c r="F145" s="97">
        <v>3.3666020539628132E-2</v>
      </c>
      <c r="G145" s="181">
        <v>0.187</v>
      </c>
      <c r="H145" s="97">
        <v>4.0654292894823876E-2</v>
      </c>
      <c r="I145" s="181">
        <v>0.64600000000000002</v>
      </c>
      <c r="J145" s="97">
        <v>4.9570674572579083E-2</v>
      </c>
      <c r="K145" s="96">
        <v>5.0999999999999997E-2</v>
      </c>
      <c r="L145" s="97">
        <v>2.3772761957385567E-2</v>
      </c>
    </row>
    <row r="147" spans="1:15" s="249" customFormat="1">
      <c r="A147" s="242"/>
      <c r="B147" s="255"/>
      <c r="C147" s="256"/>
      <c r="D147" s="248"/>
      <c r="E147" s="256"/>
      <c r="F147" s="248"/>
      <c r="G147" s="256"/>
      <c r="H147" s="248"/>
      <c r="I147"/>
      <c r="J147"/>
      <c r="K147"/>
      <c r="L147"/>
      <c r="M147"/>
      <c r="N147"/>
      <c r="O147"/>
    </row>
    <row r="148" spans="1:15" ht="18.75">
      <c r="A148" s="322" t="s">
        <v>30</v>
      </c>
      <c r="B148" s="322"/>
      <c r="C148" s="322"/>
      <c r="D148" s="322"/>
      <c r="E148" s="322"/>
      <c r="F148" s="322"/>
      <c r="G148" s="322"/>
      <c r="H148" s="322"/>
      <c r="I148" s="322"/>
      <c r="J148" s="322"/>
    </row>
    <row r="149" spans="1:15" ht="66" customHeight="1">
      <c r="A149" s="369" t="s">
        <v>385</v>
      </c>
      <c r="B149" s="369"/>
      <c r="C149" s="369"/>
      <c r="D149" s="369"/>
      <c r="E149" s="369"/>
      <c r="F149" s="369"/>
      <c r="G149" s="369"/>
      <c r="H149" s="369"/>
      <c r="I149" s="369"/>
      <c r="J149" s="369"/>
    </row>
    <row r="150" spans="1:15" ht="36" customHeight="1">
      <c r="A150" s="315" t="s">
        <v>244</v>
      </c>
      <c r="B150" s="316"/>
      <c r="C150" s="316"/>
      <c r="D150" s="316"/>
      <c r="E150" s="316"/>
      <c r="F150" s="316"/>
      <c r="G150" s="316"/>
      <c r="H150" s="316"/>
      <c r="I150" s="316"/>
      <c r="J150" s="316"/>
    </row>
    <row r="151" spans="1:15" ht="37.5" customHeight="1">
      <c r="A151" s="110" t="s">
        <v>85</v>
      </c>
      <c r="B151" s="38" t="s">
        <v>86</v>
      </c>
      <c r="C151" s="39" t="s">
        <v>87</v>
      </c>
      <c r="D151" s="40" t="s">
        <v>88</v>
      </c>
      <c r="E151" s="38" t="s">
        <v>243</v>
      </c>
      <c r="F151" s="89" t="s">
        <v>157</v>
      </c>
      <c r="G151" s="38" t="s">
        <v>158</v>
      </c>
      <c r="H151" s="89" t="s">
        <v>159</v>
      </c>
      <c r="I151" s="38" t="s">
        <v>386</v>
      </c>
      <c r="J151" s="89" t="s">
        <v>387</v>
      </c>
    </row>
    <row r="152" spans="1:15" ht="72">
      <c r="A152" s="111"/>
      <c r="B152" s="42" t="s">
        <v>89</v>
      </c>
      <c r="C152" s="128" t="s">
        <v>361</v>
      </c>
      <c r="D152" s="44" t="s">
        <v>91</v>
      </c>
      <c r="E152" s="42" t="s">
        <v>206</v>
      </c>
      <c r="F152" s="91" t="s">
        <v>104</v>
      </c>
      <c r="G152" s="42" t="s">
        <v>207</v>
      </c>
      <c r="H152" s="91" t="s">
        <v>104</v>
      </c>
      <c r="I152" s="42" t="s">
        <v>208</v>
      </c>
      <c r="J152" s="91" t="s">
        <v>104</v>
      </c>
    </row>
    <row r="153" spans="1:15">
      <c r="A153" s="45" t="s">
        <v>434</v>
      </c>
      <c r="B153" s="182">
        <v>8594</v>
      </c>
      <c r="C153" s="176">
        <v>3.51</v>
      </c>
      <c r="D153" s="85">
        <v>3.9199999999999999E-2</v>
      </c>
      <c r="E153" s="183">
        <v>0.52400000000000002</v>
      </c>
      <c r="F153" s="94">
        <v>1.0772112034339211E-2</v>
      </c>
      <c r="G153" s="183">
        <v>8.8999999999999996E-2</v>
      </c>
      <c r="H153" s="94">
        <v>6.1476042724389751E-3</v>
      </c>
      <c r="I153" s="183">
        <v>0.38700000000000001</v>
      </c>
      <c r="J153" s="94">
        <v>1.0505769483237995E-2</v>
      </c>
    </row>
    <row r="154" spans="1:15">
      <c r="A154" s="49" t="s">
        <v>435</v>
      </c>
      <c r="B154" s="49">
        <v>7992</v>
      </c>
      <c r="C154" s="178">
        <v>3.5379999999999998</v>
      </c>
      <c r="D154" s="179">
        <v>4.8744808000000001E-2</v>
      </c>
      <c r="E154" s="185">
        <v>0.51670000000000005</v>
      </c>
      <c r="F154" s="97">
        <v>1.1176902793613721E-2</v>
      </c>
      <c r="G154" s="185">
        <v>9.0499999999999997E-2</v>
      </c>
      <c r="H154" s="97">
        <v>6.4233457614908005E-3</v>
      </c>
      <c r="I154" s="185">
        <v>0.39279999999999998</v>
      </c>
      <c r="J154" s="97">
        <v>1.0923345966325047E-2</v>
      </c>
    </row>
    <row r="155" spans="1:15">
      <c r="A155" s="45" t="s">
        <v>436</v>
      </c>
      <c r="B155" s="53">
        <v>774</v>
      </c>
      <c r="C155" s="176">
        <v>2.84</v>
      </c>
      <c r="D155" s="85">
        <v>0.15679999999999999</v>
      </c>
      <c r="E155" s="183">
        <v>0.66269999999999996</v>
      </c>
      <c r="F155" s="94">
        <v>3.392114010610444E-2</v>
      </c>
      <c r="G155" s="183">
        <v>9.1899999999999996E-2</v>
      </c>
      <c r="H155" s="94">
        <v>2.0924953285398413E-2</v>
      </c>
      <c r="I155" s="183">
        <v>0.24540000000000001</v>
      </c>
      <c r="J155" s="94">
        <v>3.0911073050025682E-2</v>
      </c>
    </row>
    <row r="156" spans="1:15">
      <c r="A156" s="49" t="s">
        <v>437</v>
      </c>
      <c r="B156" s="49">
        <v>2284</v>
      </c>
      <c r="C156" s="178">
        <v>3.66</v>
      </c>
      <c r="D156" s="179">
        <v>9.8000000000000004E-2</v>
      </c>
      <c r="E156" s="185">
        <v>0.495</v>
      </c>
      <c r="F156" s="97">
        <v>2.0905008573422215E-2</v>
      </c>
      <c r="G156" s="185">
        <v>8.8999999999999996E-2</v>
      </c>
      <c r="H156" s="97">
        <v>1.1948982209316792E-2</v>
      </c>
      <c r="I156" s="185">
        <v>0.41599999999999998</v>
      </c>
      <c r="J156" s="97">
        <v>2.0609957950423499E-2</v>
      </c>
    </row>
    <row r="157" spans="1:15">
      <c r="A157" s="45" t="s">
        <v>438</v>
      </c>
      <c r="B157" s="53">
        <v>2226</v>
      </c>
      <c r="C157" s="176">
        <v>3.65</v>
      </c>
      <c r="D157" s="85">
        <v>9.8000000000000004E-2</v>
      </c>
      <c r="E157" s="183">
        <v>0.49299999999999999</v>
      </c>
      <c r="F157" s="94">
        <v>2.1174109566237897E-2</v>
      </c>
      <c r="G157" s="183">
        <v>9.0999999999999998E-2</v>
      </c>
      <c r="H157" s="94">
        <v>1.2224988963060839E-2</v>
      </c>
      <c r="I157" s="183">
        <v>0.41499999999999998</v>
      </c>
      <c r="J157" s="94">
        <v>2.0869051303488987E-2</v>
      </c>
    </row>
    <row r="158" spans="1:15">
      <c r="A158" s="49" t="s">
        <v>449</v>
      </c>
      <c r="B158" s="49">
        <v>262</v>
      </c>
      <c r="C158" s="178">
        <v>3.27</v>
      </c>
      <c r="D158" s="179">
        <v>0.27440000000000003</v>
      </c>
      <c r="E158" s="185">
        <v>0.56000000000000005</v>
      </c>
      <c r="F158" s="97">
        <v>6.0884144461335526E-2</v>
      </c>
      <c r="G158" s="185">
        <v>0.106</v>
      </c>
      <c r="H158" s="97">
        <v>3.8661369361857163E-2</v>
      </c>
      <c r="I158" s="185">
        <v>0.33400000000000002</v>
      </c>
      <c r="J158" s="97">
        <v>5.7943000337907745E-2</v>
      </c>
    </row>
    <row r="159" spans="1:15">
      <c r="A159" s="45" t="s">
        <v>439</v>
      </c>
      <c r="B159" s="53">
        <v>130</v>
      </c>
      <c r="C159" s="176">
        <v>3.13</v>
      </c>
      <c r="D159" s="85">
        <v>0.39200000000000002</v>
      </c>
      <c r="E159" s="183">
        <v>0.59299999999999997</v>
      </c>
      <c r="F159" s="94">
        <v>8.4968765353346798E-2</v>
      </c>
      <c r="G159" s="183">
        <v>0.108</v>
      </c>
      <c r="H159" s="94">
        <v>5.6084436668894615E-2</v>
      </c>
      <c r="I159" s="183">
        <v>0.29799999999999999</v>
      </c>
      <c r="J159" s="94">
        <v>7.9475087733157868E-2</v>
      </c>
    </row>
    <row r="160" spans="1:15" ht="25.5">
      <c r="A160" s="49" t="s">
        <v>440</v>
      </c>
      <c r="B160" s="49">
        <v>88</v>
      </c>
      <c r="C160" s="178">
        <v>3.33</v>
      </c>
      <c r="D160" s="179">
        <v>0.47039999999999998</v>
      </c>
      <c r="E160" s="185">
        <v>0.55800000000000005</v>
      </c>
      <c r="F160" s="97">
        <v>0.10361344603252166</v>
      </c>
      <c r="G160" s="185">
        <v>7.6999999999999999E-2</v>
      </c>
      <c r="H160" s="97">
        <v>6.1252081917641789E-2</v>
      </c>
      <c r="I160" s="185">
        <v>0.36499999999999999</v>
      </c>
      <c r="J160" s="97">
        <v>0.10072030381486589</v>
      </c>
    </row>
    <row r="161" spans="1:10">
      <c r="A161" s="45" t="s">
        <v>475</v>
      </c>
      <c r="B161" s="53">
        <v>243</v>
      </c>
      <c r="C161" s="176">
        <v>3.55</v>
      </c>
      <c r="D161" s="85">
        <v>0.29399999999999998</v>
      </c>
      <c r="E161" s="183">
        <v>0.53700000000000003</v>
      </c>
      <c r="F161" s="94">
        <v>6.3459634408199059E-2</v>
      </c>
      <c r="G161" s="183">
        <v>0.113</v>
      </c>
      <c r="H161" s="94">
        <v>4.1244317962085171E-2</v>
      </c>
      <c r="I161" s="183">
        <v>0.35</v>
      </c>
      <c r="J161" s="94">
        <v>6.0794049912684271E-2</v>
      </c>
    </row>
    <row r="162" spans="1:10">
      <c r="A162" s="49" t="s">
        <v>441</v>
      </c>
      <c r="B162" s="49">
        <v>76</v>
      </c>
      <c r="C162" s="178">
        <v>3.55</v>
      </c>
      <c r="D162" s="179">
        <v>0.47039999999999998</v>
      </c>
      <c r="E162" s="185">
        <v>0.48399999999999999</v>
      </c>
      <c r="F162" s="97">
        <v>0.1117517248189038</v>
      </c>
      <c r="G162" s="185">
        <v>0.23599999999999999</v>
      </c>
      <c r="H162" s="97">
        <v>9.6721083534046501E-2</v>
      </c>
      <c r="I162" s="185">
        <v>0.28000000000000003</v>
      </c>
      <c r="J162" s="97">
        <v>0.10156746526324265</v>
      </c>
    </row>
    <row r="163" spans="1:10" ht="25.5">
      <c r="A163" s="45" t="s">
        <v>442</v>
      </c>
      <c r="B163" s="182">
        <v>101</v>
      </c>
      <c r="C163" s="176">
        <v>3.64</v>
      </c>
      <c r="D163" s="85">
        <v>0.47039999999999998</v>
      </c>
      <c r="E163" s="183">
        <v>0.50600000000000001</v>
      </c>
      <c r="F163" s="94">
        <v>9.7583505751495658E-2</v>
      </c>
      <c r="G163" s="183">
        <v>4.2999999999999997E-2</v>
      </c>
      <c r="H163" s="94">
        <v>4.6500471371960207E-2</v>
      </c>
      <c r="I163" s="183">
        <v>0.45100000000000001</v>
      </c>
      <c r="J163" s="94">
        <v>9.7155437342904299E-2</v>
      </c>
    </row>
    <row r="164" spans="1:10">
      <c r="A164" s="49" t="s">
        <v>462</v>
      </c>
      <c r="B164" s="184">
        <v>66</v>
      </c>
      <c r="C164" s="178">
        <v>3.47</v>
      </c>
      <c r="D164" s="179">
        <v>0.58799999999999997</v>
      </c>
      <c r="E164" s="185">
        <v>0.627</v>
      </c>
      <c r="F164" s="97">
        <v>0.11604473230200382</v>
      </c>
      <c r="G164" s="185">
        <v>6.5000000000000002E-2</v>
      </c>
      <c r="H164" s="97">
        <v>6.8361575144727474E-2</v>
      </c>
      <c r="I164" s="185">
        <v>0.308</v>
      </c>
      <c r="J164" s="97">
        <v>0.1114139402220465</v>
      </c>
    </row>
    <row r="165" spans="1:10">
      <c r="A165" s="45" t="s">
        <v>450</v>
      </c>
      <c r="B165" s="54">
        <v>231</v>
      </c>
      <c r="C165" s="176">
        <v>3.35</v>
      </c>
      <c r="D165" s="85">
        <v>0.29399999999999998</v>
      </c>
      <c r="E165" s="183">
        <v>0.56399999999999995</v>
      </c>
      <c r="F165" s="94">
        <v>6.4714397304891841E-2</v>
      </c>
      <c r="G165" s="183">
        <v>6.7000000000000004E-2</v>
      </c>
      <c r="H165" s="94">
        <v>3.4230578396317601E-2</v>
      </c>
      <c r="I165" s="183">
        <v>0.36799999999999999</v>
      </c>
      <c r="J165" s="94">
        <v>6.2998022163931744E-2</v>
      </c>
    </row>
    <row r="166" spans="1:10">
      <c r="A166" s="49" t="s">
        <v>443</v>
      </c>
      <c r="B166" s="184">
        <v>110</v>
      </c>
      <c r="C166" s="178">
        <v>3.61</v>
      </c>
      <c r="D166" s="179">
        <v>0.41159999999999997</v>
      </c>
      <c r="E166" s="185">
        <v>0.53400000000000003</v>
      </c>
      <c r="F166" s="97">
        <v>9.3456754160634606E-2</v>
      </c>
      <c r="G166" s="185">
        <v>6.6000000000000003E-2</v>
      </c>
      <c r="H166" s="97">
        <v>5.1172248095264002E-2</v>
      </c>
      <c r="I166" s="185">
        <v>0.4</v>
      </c>
      <c r="J166" s="97">
        <v>9.1898006565537788E-2</v>
      </c>
    </row>
    <row r="167" spans="1:10">
      <c r="A167" s="57" t="s">
        <v>444</v>
      </c>
      <c r="B167" s="182">
        <v>121</v>
      </c>
      <c r="C167" s="176">
        <v>3.22</v>
      </c>
      <c r="D167" s="85">
        <v>0.39200000000000002</v>
      </c>
      <c r="E167" s="183">
        <v>0.57999999999999996</v>
      </c>
      <c r="F167" s="94">
        <v>8.8363439751969822E-2</v>
      </c>
      <c r="G167" s="183">
        <v>6.8000000000000005E-2</v>
      </c>
      <c r="H167" s="94">
        <v>4.9031853491052116E-2</v>
      </c>
      <c r="I167" s="183">
        <v>0.35199999999999998</v>
      </c>
      <c r="J167" s="94">
        <v>8.5692553012079176E-2</v>
      </c>
    </row>
    <row r="168" spans="1:10">
      <c r="A168" s="49" t="s">
        <v>451</v>
      </c>
      <c r="B168" s="184">
        <v>71</v>
      </c>
      <c r="C168" s="178">
        <v>3.38</v>
      </c>
      <c r="D168" s="179">
        <v>0.54880000000000007</v>
      </c>
      <c r="E168" s="185">
        <v>0.52</v>
      </c>
      <c r="F168" s="97">
        <v>0.11538723878347239</v>
      </c>
      <c r="G168" s="185">
        <v>0.08</v>
      </c>
      <c r="H168" s="97">
        <v>7.001494697562799E-2</v>
      </c>
      <c r="I168" s="185">
        <v>0.4</v>
      </c>
      <c r="J168" s="97">
        <v>0.11338153223453921</v>
      </c>
    </row>
    <row r="169" spans="1:10">
      <c r="A169" s="57" t="s">
        <v>452</v>
      </c>
      <c r="B169" s="182">
        <v>282</v>
      </c>
      <c r="C169" s="176">
        <v>3.92</v>
      </c>
      <c r="D169" s="85">
        <v>0.25480000000000003</v>
      </c>
      <c r="E169" s="183">
        <v>0.442</v>
      </c>
      <c r="F169" s="94">
        <v>5.8743181705203006E-2</v>
      </c>
      <c r="G169" s="183">
        <v>7.0999999999999994E-2</v>
      </c>
      <c r="H169" s="94">
        <v>3.1527765540868898E-2</v>
      </c>
      <c r="I169" s="183">
        <v>0.48699999999999999</v>
      </c>
      <c r="J169" s="94">
        <v>5.9111805195703249E-2</v>
      </c>
    </row>
    <row r="170" spans="1:10">
      <c r="A170" s="49" t="s">
        <v>445</v>
      </c>
      <c r="B170" s="184">
        <v>92</v>
      </c>
      <c r="C170" s="178">
        <v>3.63</v>
      </c>
      <c r="D170" s="179">
        <v>0.45080000000000003</v>
      </c>
      <c r="E170" s="185">
        <v>0.48699999999999999</v>
      </c>
      <c r="F170" s="97">
        <v>0.1020303855742975</v>
      </c>
      <c r="G170" s="185">
        <v>0.107</v>
      </c>
      <c r="H170" s="97">
        <v>6.7129728069052985E-2</v>
      </c>
      <c r="I170" s="185">
        <v>0.40600000000000003</v>
      </c>
      <c r="J170" s="97">
        <v>0.10039193880643413</v>
      </c>
    </row>
    <row r="171" spans="1:10">
      <c r="A171" s="57" t="s">
        <v>446</v>
      </c>
      <c r="B171" s="182">
        <v>109</v>
      </c>
      <c r="C171" s="176">
        <v>4.45</v>
      </c>
      <c r="D171" s="85">
        <v>0.41159999999999997</v>
      </c>
      <c r="E171" s="183">
        <v>0.35099999999999998</v>
      </c>
      <c r="F171" s="94">
        <v>9.0101797608925033E-2</v>
      </c>
      <c r="G171" s="183">
        <v>3.7999999999999999E-2</v>
      </c>
      <c r="H171" s="94">
        <v>4.2655079648088574E-2</v>
      </c>
      <c r="I171" s="183">
        <v>0.61099999999999999</v>
      </c>
      <c r="J171" s="94">
        <v>9.1889861843247378E-2</v>
      </c>
    </row>
    <row r="172" spans="1:10">
      <c r="A172" s="49" t="s">
        <v>447</v>
      </c>
      <c r="B172" s="184">
        <v>81</v>
      </c>
      <c r="C172" s="178">
        <v>3.57</v>
      </c>
      <c r="D172" s="179">
        <v>0.50960000000000005</v>
      </c>
      <c r="E172" s="185">
        <v>0.50900000000000001</v>
      </c>
      <c r="F172" s="97">
        <v>0.1084492712317334</v>
      </c>
      <c r="G172" s="185">
        <v>7.2999999999999995E-2</v>
      </c>
      <c r="H172" s="97">
        <v>6.303224306806586E-2</v>
      </c>
      <c r="I172" s="185">
        <v>0.41799999999999998</v>
      </c>
      <c r="J172" s="97">
        <v>0.10713245381627415</v>
      </c>
    </row>
    <row r="173" spans="1:10">
      <c r="A173" s="57" t="s">
        <v>453</v>
      </c>
      <c r="B173" s="182">
        <v>67</v>
      </c>
      <c r="C173" s="176">
        <v>3.42</v>
      </c>
      <c r="D173" s="85">
        <v>0.56839999999999991</v>
      </c>
      <c r="E173" s="183">
        <v>0.54800000000000004</v>
      </c>
      <c r="F173" s="94">
        <v>0.11819017685142749</v>
      </c>
      <c r="G173" s="183">
        <v>6.8000000000000005E-2</v>
      </c>
      <c r="H173" s="94">
        <v>6.8715259277882496E-2</v>
      </c>
      <c r="I173" s="183">
        <v>0.38300000000000001</v>
      </c>
      <c r="J173" s="94">
        <v>0.11574862856562111</v>
      </c>
    </row>
    <row r="174" spans="1:10">
      <c r="A174" s="49" t="s">
        <v>459</v>
      </c>
      <c r="B174" s="184">
        <v>34</v>
      </c>
      <c r="C174" s="178">
        <v>3.62</v>
      </c>
      <c r="D174" s="179">
        <v>0.78400000000000003</v>
      </c>
      <c r="E174" s="185">
        <v>0.56000000000000005</v>
      </c>
      <c r="F174" s="97">
        <v>0.16128366822405474</v>
      </c>
      <c r="G174" s="185">
        <v>4.8000000000000001E-2</v>
      </c>
      <c r="H174" s="97">
        <v>9.5390395736548506E-2</v>
      </c>
      <c r="I174" s="185">
        <v>0.39200000000000002</v>
      </c>
      <c r="J174" s="97">
        <v>0.15916305374980069</v>
      </c>
    </row>
    <row r="177" spans="1:12" ht="18.75">
      <c r="A177" s="322" t="s">
        <v>13</v>
      </c>
      <c r="B177" s="322"/>
      <c r="C177" s="322"/>
      <c r="D177" s="322"/>
      <c r="E177" s="322"/>
      <c r="F177" s="322"/>
      <c r="G177" s="322"/>
      <c r="H177" s="322"/>
      <c r="I177" s="322"/>
      <c r="J177" s="322"/>
      <c r="K177" s="322"/>
      <c r="L177" s="322"/>
    </row>
    <row r="178" spans="1:12" ht="43.5" customHeight="1">
      <c r="A178" s="369" t="s">
        <v>388</v>
      </c>
      <c r="B178" s="369"/>
      <c r="C178" s="369"/>
      <c r="D178" s="369"/>
      <c r="E178" s="369"/>
      <c r="F178" s="369"/>
      <c r="G178" s="369"/>
      <c r="H178" s="369"/>
      <c r="I178" s="369"/>
      <c r="J178" s="369"/>
      <c r="K178" s="369"/>
      <c r="L178" s="369"/>
    </row>
    <row r="179" spans="1:12" ht="36" customHeight="1">
      <c r="A179" s="367" t="s">
        <v>160</v>
      </c>
      <c r="B179" s="368"/>
      <c r="C179" s="368"/>
      <c r="D179" s="368"/>
      <c r="E179" s="368"/>
      <c r="F179" s="368"/>
      <c r="G179" s="368"/>
      <c r="H179" s="368"/>
      <c r="I179" s="368"/>
      <c r="J179" s="368"/>
      <c r="K179" s="368"/>
      <c r="L179" s="368"/>
    </row>
    <row r="180" spans="1:12" ht="39.75" customHeight="1">
      <c r="A180" s="37" t="s">
        <v>85</v>
      </c>
      <c r="B180" s="38" t="s">
        <v>86</v>
      </c>
      <c r="C180" s="39" t="s">
        <v>87</v>
      </c>
      <c r="D180" s="40" t="s">
        <v>88</v>
      </c>
      <c r="E180" s="38" t="s">
        <v>178</v>
      </c>
      <c r="F180" s="89" t="s">
        <v>101</v>
      </c>
      <c r="G180" s="38" t="s">
        <v>179</v>
      </c>
      <c r="H180" s="89" t="s">
        <v>102</v>
      </c>
      <c r="I180" s="38" t="s">
        <v>180</v>
      </c>
      <c r="J180" s="89" t="s">
        <v>103</v>
      </c>
      <c r="K180" s="38" t="s">
        <v>356</v>
      </c>
      <c r="L180" s="89" t="s">
        <v>355</v>
      </c>
    </row>
    <row r="181" spans="1:12" ht="72">
      <c r="A181" s="41"/>
      <c r="B181" s="42" t="s">
        <v>89</v>
      </c>
      <c r="C181" s="128" t="s">
        <v>360</v>
      </c>
      <c r="D181" s="44" t="s">
        <v>91</v>
      </c>
      <c r="E181" s="42" t="s">
        <v>181</v>
      </c>
      <c r="F181" s="91" t="s">
        <v>161</v>
      </c>
      <c r="G181" s="42" t="s">
        <v>182</v>
      </c>
      <c r="H181" s="91" t="s">
        <v>104</v>
      </c>
      <c r="I181" s="42" t="s">
        <v>183</v>
      </c>
      <c r="J181" s="91" t="s">
        <v>104</v>
      </c>
      <c r="K181" s="42" t="s">
        <v>356</v>
      </c>
      <c r="L181" s="91" t="s">
        <v>104</v>
      </c>
    </row>
    <row r="182" spans="1:12">
      <c r="A182" s="45" t="s">
        <v>434</v>
      </c>
      <c r="B182" s="186">
        <v>9355</v>
      </c>
      <c r="C182" s="176">
        <v>5.53</v>
      </c>
      <c r="D182" s="85">
        <v>1.9599999999999999E-2</v>
      </c>
      <c r="E182" s="183">
        <v>0.10299999999999999</v>
      </c>
      <c r="F182" s="94">
        <v>6.2884910624138122E-3</v>
      </c>
      <c r="G182" s="183">
        <v>0.10299999999999999</v>
      </c>
      <c r="H182" s="94">
        <v>6.2884910624138122E-3</v>
      </c>
      <c r="I182" s="183">
        <v>0.78500000000000003</v>
      </c>
      <c r="J182" s="94">
        <v>8.4949068833350856E-3</v>
      </c>
      <c r="K182" s="183">
        <v>8.9999999999999993E-3</v>
      </c>
      <c r="L182" s="94">
        <v>1.9748423193708372E-3</v>
      </c>
    </row>
    <row r="183" spans="1:12">
      <c r="A183" s="49" t="s">
        <v>435</v>
      </c>
      <c r="B183" s="49">
        <v>8720</v>
      </c>
      <c r="C183" s="178">
        <v>5.49</v>
      </c>
      <c r="D183" s="179">
        <v>3.1657919999999999E-2</v>
      </c>
      <c r="E183" s="185">
        <v>0.113</v>
      </c>
      <c r="F183" s="97">
        <v>6.7837599134595167E-3</v>
      </c>
      <c r="G183" s="185">
        <v>9.9900000000000003E-2</v>
      </c>
      <c r="H183" s="97">
        <v>6.4262026441540025E-3</v>
      </c>
      <c r="I183" s="185">
        <v>0.77959999999999996</v>
      </c>
      <c r="J183" s="97">
        <v>8.8777811750262552E-3</v>
      </c>
      <c r="K183" s="185">
        <v>0.01</v>
      </c>
      <c r="L183" s="97">
        <v>2.1540961222383994E-3</v>
      </c>
    </row>
    <row r="184" spans="1:12">
      <c r="A184" s="45" t="s">
        <v>436</v>
      </c>
      <c r="B184" s="53">
        <v>834</v>
      </c>
      <c r="C184" s="176">
        <v>5.35</v>
      </c>
      <c r="D184" s="85">
        <v>9.8000000000000004E-2</v>
      </c>
      <c r="E184" s="183">
        <v>0.1147</v>
      </c>
      <c r="F184" s="94">
        <v>2.2168563334956089E-2</v>
      </c>
      <c r="G184" s="183">
        <v>0.1343</v>
      </c>
      <c r="H184" s="94">
        <v>2.3686212780974557E-2</v>
      </c>
      <c r="I184" s="183">
        <v>0.73809999999999998</v>
      </c>
      <c r="J184" s="94">
        <v>3.0418583929971529E-2</v>
      </c>
      <c r="K184" s="183">
        <v>1.29E-2</v>
      </c>
      <c r="L184" s="94">
        <v>8.4597198687637407E-3</v>
      </c>
    </row>
    <row r="185" spans="1:12">
      <c r="A185" s="49" t="s">
        <v>437</v>
      </c>
      <c r="B185" s="49">
        <v>2550</v>
      </c>
      <c r="C185" s="178">
        <v>5.55</v>
      </c>
      <c r="D185" s="179">
        <v>5.8799999999999998E-2</v>
      </c>
      <c r="E185" s="185">
        <v>9.8000000000000004E-2</v>
      </c>
      <c r="F185" s="97">
        <v>1.1799805057036945E-2</v>
      </c>
      <c r="G185" s="185">
        <v>0.106</v>
      </c>
      <c r="H185" s="97">
        <v>1.2213826547384362E-2</v>
      </c>
      <c r="I185" s="185">
        <v>0.78400000000000003</v>
      </c>
      <c r="J185" s="97">
        <v>1.6297760091768223E-2</v>
      </c>
      <c r="K185" s="185">
        <v>1.0999999999999999E-2</v>
      </c>
      <c r="L185" s="97">
        <v>4.2673795142884625E-3</v>
      </c>
    </row>
    <row r="186" spans="1:12">
      <c r="A186" s="45" t="s">
        <v>438</v>
      </c>
      <c r="B186" s="53">
        <v>2485</v>
      </c>
      <c r="C186" s="176">
        <v>5.55</v>
      </c>
      <c r="D186" s="85">
        <v>5.8799999999999998E-2</v>
      </c>
      <c r="E186" s="183">
        <v>9.9000000000000005E-2</v>
      </c>
      <c r="F186" s="94">
        <v>1.2007458642715076E-2</v>
      </c>
      <c r="G186" s="183">
        <v>0.10199999999999999</v>
      </c>
      <c r="H186" s="94">
        <v>1.2166299400670469E-2</v>
      </c>
      <c r="I186" s="183">
        <v>0.78700000000000003</v>
      </c>
      <c r="J186" s="94">
        <v>1.6426200442762863E-2</v>
      </c>
      <c r="K186" s="183">
        <v>1.2E-2</v>
      </c>
      <c r="L186" s="94">
        <v>4.503614661287408E-3</v>
      </c>
    </row>
    <row r="187" spans="1:12">
      <c r="A187" s="49" t="s">
        <v>449</v>
      </c>
      <c r="B187" s="49">
        <v>288</v>
      </c>
      <c r="C187" s="178">
        <v>5.4</v>
      </c>
      <c r="D187" s="179">
        <v>0.1764</v>
      </c>
      <c r="E187" s="185">
        <v>0.14399999999999999</v>
      </c>
      <c r="F187" s="97">
        <v>4.1662774826361701E-2</v>
      </c>
      <c r="G187" s="185">
        <v>0.123</v>
      </c>
      <c r="H187" s="97">
        <v>3.9123666653792709E-2</v>
      </c>
      <c r="I187" s="185">
        <v>0.72199999999999998</v>
      </c>
      <c r="J187" s="97">
        <v>5.2610874222481854E-2</v>
      </c>
      <c r="K187" s="185">
        <v>1.0999999999999999E-2</v>
      </c>
      <c r="L187" s="97">
        <v>1.543230406019489E-2</v>
      </c>
    </row>
    <row r="188" spans="1:12">
      <c r="A188" s="45" t="s">
        <v>439</v>
      </c>
      <c r="B188" s="53">
        <v>145</v>
      </c>
      <c r="C188" s="176">
        <v>5.47</v>
      </c>
      <c r="D188" s="85">
        <v>0.23519999999999999</v>
      </c>
      <c r="E188" s="183">
        <v>0.13200000000000001</v>
      </c>
      <c r="F188" s="94">
        <v>5.7170295183098511E-2</v>
      </c>
      <c r="G188" s="183">
        <v>9.9000000000000005E-2</v>
      </c>
      <c r="H188" s="94">
        <v>5.1217845921384841E-2</v>
      </c>
      <c r="I188" s="183">
        <v>0.751</v>
      </c>
      <c r="J188" s="94">
        <v>7.1482142125458531E-2</v>
      </c>
      <c r="K188" s="183">
        <v>1.7999999999999999E-2</v>
      </c>
      <c r="L188" s="94">
        <v>2.8370671420846944E-2</v>
      </c>
    </row>
    <row r="189" spans="1:12" ht="25.5">
      <c r="A189" s="49" t="s">
        <v>440</v>
      </c>
      <c r="B189" s="49">
        <v>94</v>
      </c>
      <c r="C189" s="178">
        <v>5.24</v>
      </c>
      <c r="D189" s="179">
        <v>0.31359999999999999</v>
      </c>
      <c r="E189" s="185">
        <v>0.13900000000000001</v>
      </c>
      <c r="F189" s="97">
        <v>7.2871241710328855E-2</v>
      </c>
      <c r="G189" s="185">
        <v>0.20799999999999999</v>
      </c>
      <c r="H189" s="97">
        <v>8.3679241580243313E-2</v>
      </c>
      <c r="I189" s="185">
        <v>0.65300000000000002</v>
      </c>
      <c r="J189" s="97">
        <v>9.6566132573504548E-2</v>
      </c>
      <c r="K189" s="185">
        <v>0</v>
      </c>
      <c r="L189" s="97">
        <v>2.8565478049949598E-2</v>
      </c>
    </row>
    <row r="190" spans="1:12">
      <c r="A190" s="45" t="s">
        <v>475</v>
      </c>
      <c r="B190" s="53">
        <v>256</v>
      </c>
      <c r="C190" s="176">
        <v>5.46</v>
      </c>
      <c r="D190" s="85">
        <v>0.19600000000000001</v>
      </c>
      <c r="E190" s="183">
        <v>0.11700000000000001</v>
      </c>
      <c r="F190" s="94">
        <v>4.072228427973424E-2</v>
      </c>
      <c r="G190" s="183">
        <v>0.123</v>
      </c>
      <c r="H190" s="94">
        <v>4.154896277516814E-2</v>
      </c>
      <c r="I190" s="183">
        <v>0.755</v>
      </c>
      <c r="J190" s="94">
        <v>5.3631273697668493E-2</v>
      </c>
      <c r="K190" s="183">
        <v>5.0000000000000001E-3</v>
      </c>
      <c r="L190" s="94">
        <v>1.3843208102165277E-2</v>
      </c>
    </row>
    <row r="191" spans="1:12">
      <c r="A191" s="49" t="s">
        <v>441</v>
      </c>
      <c r="B191" s="49">
        <v>82</v>
      </c>
      <c r="C191" s="178">
        <v>5.53</v>
      </c>
      <c r="D191" s="179">
        <v>0.3528</v>
      </c>
      <c r="E191" s="185">
        <v>0.11600000000000001</v>
      </c>
      <c r="F191" s="97">
        <v>7.3434622401258837E-2</v>
      </c>
      <c r="G191" s="185">
        <v>7.8E-2</v>
      </c>
      <c r="H191" s="97">
        <v>6.4011880712692842E-2</v>
      </c>
      <c r="I191" s="185">
        <v>0.80700000000000005</v>
      </c>
      <c r="J191" s="97">
        <v>8.7421581339489698E-2</v>
      </c>
      <c r="K191" s="185">
        <v>0</v>
      </c>
      <c r="L191" s="97">
        <v>3.2504011252172456E-2</v>
      </c>
    </row>
    <row r="192" spans="1:12" ht="25.5">
      <c r="A192" s="45" t="s">
        <v>442</v>
      </c>
      <c r="B192" s="186">
        <v>105</v>
      </c>
      <c r="C192" s="176">
        <v>5.51</v>
      </c>
      <c r="D192" s="85">
        <v>0.27440000000000003</v>
      </c>
      <c r="E192" s="183">
        <v>0.11</v>
      </c>
      <c r="F192" s="94">
        <v>6.3204480014577361E-2</v>
      </c>
      <c r="G192" s="183">
        <v>0.153</v>
      </c>
      <c r="H192" s="94">
        <v>7.1231939141868372E-2</v>
      </c>
      <c r="I192" s="183">
        <v>0.72399999999999998</v>
      </c>
      <c r="J192" s="94">
        <v>8.6404015958588501E-2</v>
      </c>
      <c r="K192" s="183">
        <v>1.4E-2</v>
      </c>
      <c r="L192" s="94">
        <v>3.3631245804961137E-2</v>
      </c>
    </row>
    <row r="193" spans="1:12">
      <c r="A193" s="49" t="s">
        <v>462</v>
      </c>
      <c r="B193" s="187">
        <v>69</v>
      </c>
      <c r="C193" s="178">
        <v>5.34</v>
      </c>
      <c r="D193" s="179">
        <v>0.37240000000000001</v>
      </c>
      <c r="E193" s="185">
        <v>0.126</v>
      </c>
      <c r="F193" s="97">
        <v>8.2771481915476328E-2</v>
      </c>
      <c r="G193" s="185">
        <v>0.13800000000000001</v>
      </c>
      <c r="H193" s="97">
        <v>8.5343314613062257E-2</v>
      </c>
      <c r="I193" s="185">
        <v>0.73599999999999999</v>
      </c>
      <c r="J193" s="97">
        <v>0.10474769356691394</v>
      </c>
      <c r="K193" s="185">
        <v>0</v>
      </c>
      <c r="L193" s="97">
        <v>3.821112970151376E-2</v>
      </c>
    </row>
    <row r="194" spans="1:12">
      <c r="A194" s="45" t="s">
        <v>450</v>
      </c>
      <c r="B194" s="83">
        <v>263</v>
      </c>
      <c r="C194" s="176">
        <v>5.65</v>
      </c>
      <c r="D194" s="85">
        <v>0.15679999999999999</v>
      </c>
      <c r="E194" s="183">
        <v>7.3999999999999996E-2</v>
      </c>
      <c r="F194" s="94">
        <v>3.3278025937030872E-2</v>
      </c>
      <c r="G194" s="183">
        <v>6.6000000000000003E-2</v>
      </c>
      <c r="H194" s="94">
        <v>3.1739895881415958E-2</v>
      </c>
      <c r="I194" s="183">
        <v>0.83799999999999997</v>
      </c>
      <c r="J194" s="94">
        <v>4.565846184098632E-2</v>
      </c>
      <c r="K194" s="183">
        <v>2.1999999999999999E-2</v>
      </c>
      <c r="L194" s="94">
        <v>2.0594418329838632E-2</v>
      </c>
    </row>
    <row r="195" spans="1:12">
      <c r="A195" s="49" t="s">
        <v>443</v>
      </c>
      <c r="B195" s="187">
        <v>125</v>
      </c>
      <c r="C195" s="178">
        <v>5.53</v>
      </c>
      <c r="D195" s="179">
        <v>0.23519999999999999</v>
      </c>
      <c r="E195" s="185">
        <v>0.113</v>
      </c>
      <c r="F195" s="97">
        <v>5.8236353493475654E-2</v>
      </c>
      <c r="G195" s="185">
        <v>0.04</v>
      </c>
      <c r="H195" s="97">
        <v>3.9890948754106863E-2</v>
      </c>
      <c r="I195" s="185">
        <v>0.79200000000000004</v>
      </c>
      <c r="J195" s="97">
        <v>7.2591393393743806E-2</v>
      </c>
      <c r="K195" s="185">
        <v>5.6000000000000001E-2</v>
      </c>
      <c r="L195" s="97">
        <v>4.4859797411201129E-2</v>
      </c>
    </row>
    <row r="196" spans="1:12">
      <c r="A196" s="57" t="s">
        <v>444</v>
      </c>
      <c r="B196" s="186">
        <v>138</v>
      </c>
      <c r="C196" s="176">
        <v>5.71</v>
      </c>
      <c r="D196" s="85">
        <v>0.23519999999999999</v>
      </c>
      <c r="E196" s="183">
        <v>5.5E-2</v>
      </c>
      <c r="F196" s="94">
        <v>4.2117945225833994E-2</v>
      </c>
      <c r="G196" s="183">
        <v>7.9000000000000001E-2</v>
      </c>
      <c r="H196" s="94">
        <v>4.8237607003647306E-2</v>
      </c>
      <c r="I196" s="183">
        <v>0.86099999999999999</v>
      </c>
      <c r="J196" s="94">
        <v>5.9792509616516498E-2</v>
      </c>
      <c r="K196" s="183">
        <v>5.0000000000000001E-3</v>
      </c>
      <c r="L196" s="94">
        <v>2.2880460723057567E-2</v>
      </c>
    </row>
    <row r="197" spans="1:12">
      <c r="A197" s="49" t="s">
        <v>451</v>
      </c>
      <c r="B197" s="187">
        <v>80</v>
      </c>
      <c r="C197" s="178">
        <v>5.88</v>
      </c>
      <c r="D197" s="179">
        <v>0.27440000000000003</v>
      </c>
      <c r="E197" s="185">
        <v>0.01</v>
      </c>
      <c r="F197" s="97">
        <v>3.9171310092866875E-2</v>
      </c>
      <c r="G197" s="185">
        <v>0.16</v>
      </c>
      <c r="H197" s="97">
        <v>8.3137119178198451E-2</v>
      </c>
      <c r="I197" s="185">
        <v>0.81499999999999995</v>
      </c>
      <c r="J197" s="97">
        <v>8.7287156094396981E-2</v>
      </c>
      <c r="K197" s="185">
        <v>1.4999999999999999E-2</v>
      </c>
      <c r="L197" s="97">
        <v>4.1772622003335889E-2</v>
      </c>
    </row>
    <row r="198" spans="1:12">
      <c r="A198" s="57" t="s">
        <v>452</v>
      </c>
      <c r="B198" s="186">
        <v>311</v>
      </c>
      <c r="C198" s="176">
        <v>5.37</v>
      </c>
      <c r="D198" s="85">
        <v>0.1764</v>
      </c>
      <c r="E198" s="183">
        <v>0.11899999999999999</v>
      </c>
      <c r="F198" s="94">
        <v>3.71188090609951E-2</v>
      </c>
      <c r="G198" s="183">
        <v>0.122</v>
      </c>
      <c r="H198" s="94">
        <v>3.7496541216152229E-2</v>
      </c>
      <c r="I198" s="183">
        <v>0.75900000000000001</v>
      </c>
      <c r="J198" s="94">
        <v>4.8417736177591021E-2</v>
      </c>
      <c r="K198" s="183">
        <v>1E-3</v>
      </c>
      <c r="L198" s="94">
        <v>9.6165753649576843E-3</v>
      </c>
    </row>
    <row r="199" spans="1:12">
      <c r="A199" s="49" t="s">
        <v>445</v>
      </c>
      <c r="B199" s="187">
        <v>99</v>
      </c>
      <c r="C199" s="178">
        <v>5.25</v>
      </c>
      <c r="D199" s="179">
        <v>0.3332</v>
      </c>
      <c r="E199" s="185">
        <v>0.158</v>
      </c>
      <c r="F199" s="97">
        <v>7.4245507951753151E-2</v>
      </c>
      <c r="G199" s="185">
        <v>4.5999999999999999E-2</v>
      </c>
      <c r="H199" s="97">
        <v>4.8102703697012583E-2</v>
      </c>
      <c r="I199" s="185">
        <v>0.79400000000000004</v>
      </c>
      <c r="J199" s="97">
        <v>8.1287483834844396E-2</v>
      </c>
      <c r="K199" s="185">
        <v>1E-3</v>
      </c>
      <c r="L199" s="97">
        <v>2.7843774836703104E-2</v>
      </c>
    </row>
    <row r="200" spans="1:12">
      <c r="A200" s="57" t="s">
        <v>446</v>
      </c>
      <c r="B200" s="186">
        <v>123</v>
      </c>
      <c r="C200" s="176">
        <v>5.66</v>
      </c>
      <c r="D200" s="85">
        <v>0.27440000000000003</v>
      </c>
      <c r="E200" s="183">
        <v>7.8E-2</v>
      </c>
      <c r="F200" s="94">
        <v>5.1115811099203483E-2</v>
      </c>
      <c r="G200" s="183">
        <v>0.106</v>
      </c>
      <c r="H200" s="94">
        <v>5.7339615759186099E-2</v>
      </c>
      <c r="I200" s="183">
        <v>0.81599999999999995</v>
      </c>
      <c r="J200" s="94">
        <v>7.0170789261487718E-2</v>
      </c>
      <c r="K200" s="183">
        <v>0</v>
      </c>
      <c r="L200" s="94">
        <v>2.2095020994736762E-2</v>
      </c>
    </row>
    <row r="201" spans="1:12">
      <c r="A201" s="49" t="s">
        <v>447</v>
      </c>
      <c r="B201" s="187">
        <v>89</v>
      </c>
      <c r="C201" s="178">
        <v>5.08</v>
      </c>
      <c r="D201" s="179">
        <v>0.31359999999999999</v>
      </c>
      <c r="E201" s="185">
        <v>0.13200000000000001</v>
      </c>
      <c r="F201" s="97">
        <v>7.3608920719791721E-2</v>
      </c>
      <c r="G201" s="185">
        <v>0.22600000000000001</v>
      </c>
      <c r="H201" s="97">
        <v>8.8291614960034584E-2</v>
      </c>
      <c r="I201" s="185">
        <v>0.64200000000000002</v>
      </c>
      <c r="J201" s="97">
        <v>9.9791877133997148E-2</v>
      </c>
      <c r="K201" s="185">
        <v>0</v>
      </c>
      <c r="L201" s="97">
        <v>3.0084393934100805E-2</v>
      </c>
    </row>
    <row r="202" spans="1:12">
      <c r="A202" s="57" t="s">
        <v>453</v>
      </c>
      <c r="B202" s="186">
        <v>83</v>
      </c>
      <c r="C202" s="176">
        <v>5.88</v>
      </c>
      <c r="D202" s="85">
        <v>0.29399999999999998</v>
      </c>
      <c r="E202" s="183">
        <v>3.7999999999999999E-2</v>
      </c>
      <c r="F202" s="94">
        <v>5.0619989821728009E-2</v>
      </c>
      <c r="G202" s="183">
        <v>9.5000000000000001E-2</v>
      </c>
      <c r="H202" s="94">
        <v>6.8046984625805551E-2</v>
      </c>
      <c r="I202" s="183">
        <v>0.83399999999999996</v>
      </c>
      <c r="J202" s="94">
        <v>8.261980680619721E-2</v>
      </c>
      <c r="K202" s="183">
        <v>3.3000000000000002E-2</v>
      </c>
      <c r="L202" s="94">
        <v>4.8662169084879546E-2</v>
      </c>
    </row>
    <row r="203" spans="1:12">
      <c r="A203" s="49" t="s">
        <v>459</v>
      </c>
      <c r="B203" s="187">
        <v>38</v>
      </c>
      <c r="C203" s="178">
        <v>5.53</v>
      </c>
      <c r="D203" s="179">
        <v>0.43119999999999997</v>
      </c>
      <c r="E203" s="185">
        <v>0.124</v>
      </c>
      <c r="F203" s="97">
        <v>0.1130825404018789</v>
      </c>
      <c r="G203" s="185">
        <v>7.2999999999999995E-2</v>
      </c>
      <c r="H203" s="97">
        <v>9.7953611739996865E-2</v>
      </c>
      <c r="I203" s="185">
        <v>0.80300000000000005</v>
      </c>
      <c r="J203" s="97">
        <v>0.12904251565077707</v>
      </c>
      <c r="K203" s="185">
        <v>0</v>
      </c>
      <c r="L203" s="97">
        <v>6.5720529461176583E-2</v>
      </c>
    </row>
  </sheetData>
  <mergeCells count="23">
    <mergeCell ref="B34:H34"/>
    <mergeCell ref="I34:O34"/>
    <mergeCell ref="A61:D61"/>
    <mergeCell ref="A62:D62"/>
    <mergeCell ref="A63:D63"/>
    <mergeCell ref="A3:D3"/>
    <mergeCell ref="A4:D4"/>
    <mergeCell ref="A5:D5"/>
    <mergeCell ref="A32:O32"/>
    <mergeCell ref="A33:O33"/>
    <mergeCell ref="A179:L179"/>
    <mergeCell ref="A178:L178"/>
    <mergeCell ref="A177:L177"/>
    <mergeCell ref="A90:O90"/>
    <mergeCell ref="A91:O91"/>
    <mergeCell ref="B92:H92"/>
    <mergeCell ref="I92:O92"/>
    <mergeCell ref="A121:L121"/>
    <mergeCell ref="A120:L120"/>
    <mergeCell ref="A119:L119"/>
    <mergeCell ref="A150:J150"/>
    <mergeCell ref="A149:J149"/>
    <mergeCell ref="A148:J148"/>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C290"/>
  <sheetViews>
    <sheetView zoomScaleNormal="100" workbookViewId="0">
      <selection activeCell="A265" sqref="A265:S265"/>
    </sheetView>
  </sheetViews>
  <sheetFormatPr defaultColWidth="17.5703125" defaultRowHeight="15"/>
  <cols>
    <col min="1" max="1" width="42.140625" customWidth="1"/>
  </cols>
  <sheetData>
    <row r="1" spans="1:55" ht="31.5">
      <c r="A1" s="33" t="s">
        <v>48</v>
      </c>
    </row>
    <row r="3" spans="1:55" ht="18.75">
      <c r="A3" s="322" t="s">
        <v>272</v>
      </c>
      <c r="B3" s="322"/>
      <c r="C3" s="322"/>
      <c r="D3" s="322"/>
      <c r="E3" s="322"/>
      <c r="F3" s="322"/>
      <c r="G3" s="322"/>
      <c r="H3" s="322"/>
      <c r="I3" s="322"/>
      <c r="J3" s="322"/>
      <c r="K3" s="322"/>
      <c r="L3" s="322"/>
      <c r="M3" s="322"/>
      <c r="N3" s="322"/>
      <c r="O3" s="322"/>
      <c r="P3" s="322"/>
      <c r="Q3" s="322"/>
      <c r="R3" s="322"/>
      <c r="S3" s="322"/>
      <c r="T3" s="322"/>
      <c r="U3" s="322"/>
      <c r="V3" s="322"/>
      <c r="W3" s="322"/>
      <c r="X3" s="227"/>
      <c r="Y3" s="227"/>
      <c r="Z3" s="227"/>
      <c r="AA3" s="227"/>
      <c r="AB3" s="227"/>
      <c r="AC3" s="227"/>
      <c r="AD3" s="227"/>
      <c r="AE3" s="227"/>
      <c r="AF3" s="227"/>
      <c r="AG3" s="227"/>
      <c r="AH3" s="227"/>
      <c r="AI3" s="227"/>
      <c r="AJ3" s="227"/>
      <c r="AK3" s="227"/>
      <c r="AL3" s="227"/>
      <c r="AM3" s="227"/>
      <c r="AN3" s="227"/>
      <c r="AO3" s="227"/>
      <c r="AP3" s="227"/>
      <c r="AQ3" s="227"/>
      <c r="AR3" s="249"/>
      <c r="AS3" s="249"/>
      <c r="AT3" s="249"/>
      <c r="AU3" s="249"/>
      <c r="AV3" s="249"/>
      <c r="AW3" s="249"/>
    </row>
    <row r="4" spans="1:55" ht="39" customHeight="1">
      <c r="A4" s="385" t="s">
        <v>501</v>
      </c>
      <c r="B4" s="385"/>
      <c r="C4" s="385"/>
      <c r="D4" s="385"/>
      <c r="E4" s="385"/>
      <c r="F4" s="385"/>
      <c r="G4" s="385"/>
      <c r="H4" s="385"/>
      <c r="I4" s="385"/>
      <c r="J4" s="385"/>
      <c r="K4" s="385"/>
      <c r="L4" s="385"/>
      <c r="M4" s="385"/>
      <c r="N4" s="385"/>
      <c r="O4" s="385"/>
      <c r="P4" s="385"/>
      <c r="Q4" s="385"/>
      <c r="R4" s="385"/>
      <c r="S4" s="385"/>
      <c r="T4" s="385"/>
      <c r="U4" s="385"/>
      <c r="V4" s="385"/>
      <c r="W4" s="385"/>
      <c r="X4" s="259"/>
      <c r="Y4" s="259"/>
      <c r="Z4" s="259"/>
      <c r="AA4" s="259"/>
      <c r="AB4" s="259"/>
      <c r="AC4" s="259"/>
      <c r="AD4" s="259"/>
      <c r="AE4" s="259"/>
      <c r="AF4" s="259"/>
      <c r="AG4" s="259"/>
      <c r="AH4" s="259"/>
      <c r="AI4" s="259"/>
      <c r="AJ4" s="259"/>
      <c r="AK4" s="259"/>
      <c r="AL4" s="259"/>
      <c r="AM4" s="259"/>
      <c r="AN4" s="259"/>
      <c r="AO4" s="259"/>
      <c r="AP4" s="259"/>
      <c r="AQ4" s="259"/>
      <c r="AR4" s="249"/>
      <c r="AS4" s="249"/>
      <c r="AT4" s="249"/>
      <c r="AU4" s="249"/>
      <c r="AV4" s="249"/>
      <c r="AW4" s="249"/>
    </row>
    <row r="5" spans="1:55" ht="34.5" customHeight="1">
      <c r="A5" s="64"/>
      <c r="B5" s="364" t="s">
        <v>270</v>
      </c>
      <c r="C5" s="365"/>
      <c r="D5" s="365"/>
      <c r="E5" s="365"/>
      <c r="F5" s="365"/>
      <c r="G5" s="365"/>
      <c r="H5" s="365"/>
      <c r="I5" s="365"/>
      <c r="J5" s="365"/>
      <c r="K5" s="365"/>
      <c r="L5" s="366"/>
      <c r="M5" s="367" t="s">
        <v>271</v>
      </c>
      <c r="N5" s="368"/>
      <c r="O5" s="368"/>
      <c r="P5" s="368"/>
      <c r="Q5" s="368"/>
      <c r="R5" s="368"/>
      <c r="S5" s="368"/>
      <c r="T5" s="368"/>
      <c r="U5" s="368"/>
      <c r="V5" s="368"/>
      <c r="W5" s="368"/>
      <c r="X5" s="249"/>
      <c r="Y5" s="249"/>
      <c r="Z5" s="249"/>
      <c r="AA5" s="249"/>
      <c r="AB5" s="249"/>
      <c r="AC5" s="249"/>
      <c r="AD5" s="249"/>
      <c r="AE5" s="249"/>
      <c r="AF5" s="249"/>
      <c r="AG5" s="249"/>
      <c r="AH5" s="249"/>
      <c r="AI5" s="249"/>
      <c r="AJ5" s="249"/>
      <c r="AK5" s="249"/>
      <c r="AL5" s="249"/>
      <c r="AM5" s="249"/>
      <c r="AN5" s="249"/>
      <c r="AO5" s="249"/>
      <c r="AP5" s="249"/>
      <c r="AQ5" s="249"/>
      <c r="AR5" s="249"/>
      <c r="AS5" s="249"/>
      <c r="AT5" s="249"/>
      <c r="AU5" s="249"/>
      <c r="AV5" s="249"/>
      <c r="AW5" s="249"/>
      <c r="AX5" s="249"/>
      <c r="AY5" s="249"/>
      <c r="AZ5" s="249"/>
      <c r="BA5" s="249"/>
    </row>
    <row r="6" spans="1:55" ht="49.5" customHeight="1">
      <c r="A6" s="37" t="s">
        <v>85</v>
      </c>
      <c r="B6" s="38" t="s">
        <v>86</v>
      </c>
      <c r="C6" s="39" t="s">
        <v>87</v>
      </c>
      <c r="D6" s="40" t="s">
        <v>88</v>
      </c>
      <c r="E6" s="38" t="s">
        <v>367</v>
      </c>
      <c r="F6" s="89" t="s">
        <v>162</v>
      </c>
      <c r="G6" s="38" t="s">
        <v>368</v>
      </c>
      <c r="H6" s="89" t="s">
        <v>163</v>
      </c>
      <c r="I6" s="38" t="s">
        <v>369</v>
      </c>
      <c r="J6" s="89" t="s">
        <v>136</v>
      </c>
      <c r="K6" s="38" t="s">
        <v>356</v>
      </c>
      <c r="L6" s="89" t="s">
        <v>370</v>
      </c>
      <c r="M6" s="65" t="s">
        <v>86</v>
      </c>
      <c r="N6" s="66" t="s">
        <v>87</v>
      </c>
      <c r="O6" s="67" t="s">
        <v>88</v>
      </c>
      <c r="P6" s="65" t="s">
        <v>367</v>
      </c>
      <c r="Q6" s="88" t="s">
        <v>162</v>
      </c>
      <c r="R6" s="65" t="s">
        <v>371</v>
      </c>
      <c r="S6" s="88" t="s">
        <v>372</v>
      </c>
      <c r="T6" s="65" t="s">
        <v>369</v>
      </c>
      <c r="U6" s="88" t="s">
        <v>136</v>
      </c>
      <c r="V6" s="65" t="s">
        <v>356</v>
      </c>
      <c r="W6" s="88" t="s">
        <v>370</v>
      </c>
      <c r="X6" s="249"/>
      <c r="Y6" s="249"/>
      <c r="Z6" s="249"/>
      <c r="AA6" s="249"/>
      <c r="AB6" s="249"/>
      <c r="AC6" s="249"/>
      <c r="AD6" s="249"/>
      <c r="AE6" s="249"/>
      <c r="AF6" s="249"/>
      <c r="AG6" s="249"/>
      <c r="AH6" s="249"/>
      <c r="AI6" s="249"/>
      <c r="AJ6" s="249"/>
      <c r="AK6" s="249"/>
      <c r="AL6" s="249"/>
      <c r="AM6" s="249"/>
      <c r="AN6" s="249"/>
      <c r="AO6" s="249"/>
      <c r="AP6" s="249"/>
      <c r="AQ6" s="249"/>
      <c r="AR6" s="249"/>
      <c r="AS6" s="249"/>
      <c r="AT6" s="249"/>
      <c r="AU6" s="249"/>
      <c r="AV6" s="249"/>
      <c r="AW6" s="249"/>
      <c r="AX6" s="249"/>
      <c r="AY6" s="249"/>
      <c r="AZ6" s="249"/>
      <c r="BA6" s="249"/>
      <c r="BB6" s="249"/>
      <c r="BC6" s="249"/>
    </row>
    <row r="7" spans="1:55" ht="72">
      <c r="A7" s="41"/>
      <c r="B7" s="42" t="s">
        <v>89</v>
      </c>
      <c r="C7" s="128" t="s">
        <v>359</v>
      </c>
      <c r="D7" s="44" t="s">
        <v>91</v>
      </c>
      <c r="E7" s="42" t="s">
        <v>181</v>
      </c>
      <c r="F7" s="91" t="s">
        <v>104</v>
      </c>
      <c r="G7" s="42" t="s">
        <v>182</v>
      </c>
      <c r="H7" s="91" t="s">
        <v>104</v>
      </c>
      <c r="I7" s="42" t="s">
        <v>183</v>
      </c>
      <c r="J7" s="91" t="s">
        <v>104</v>
      </c>
      <c r="K7" s="42" t="s">
        <v>356</v>
      </c>
      <c r="L7" s="91" t="s">
        <v>104</v>
      </c>
      <c r="M7" s="68" t="s">
        <v>89</v>
      </c>
      <c r="N7" s="273" t="s">
        <v>359</v>
      </c>
      <c r="O7" s="70" t="s">
        <v>91</v>
      </c>
      <c r="P7" s="68" t="s">
        <v>181</v>
      </c>
      <c r="Q7" s="90" t="s">
        <v>104</v>
      </c>
      <c r="R7" s="68" t="s">
        <v>182</v>
      </c>
      <c r="S7" s="90" t="s">
        <v>104</v>
      </c>
      <c r="T7" s="68" t="s">
        <v>183</v>
      </c>
      <c r="U7" s="90" t="s">
        <v>104</v>
      </c>
      <c r="V7" s="68" t="s">
        <v>356</v>
      </c>
      <c r="W7" s="90" t="s">
        <v>104</v>
      </c>
    </row>
    <row r="8" spans="1:55">
      <c r="A8" s="45" t="s">
        <v>434</v>
      </c>
      <c r="B8" s="188">
        <v>10984</v>
      </c>
      <c r="C8" s="84">
        <v>4.8899999999999997</v>
      </c>
      <c r="D8" s="85">
        <v>3.9199999999999999E-2</v>
      </c>
      <c r="E8" s="190">
        <v>0.19600000000000001</v>
      </c>
      <c r="F8" s="94">
        <v>7.5756414386888137E-3</v>
      </c>
      <c r="G8" s="190">
        <v>0.16200000000000001</v>
      </c>
      <c r="H8" s="94">
        <v>7.0320697110495085E-3</v>
      </c>
      <c r="I8" s="190">
        <v>0.63100000000000001</v>
      </c>
      <c r="J8" s="94">
        <v>9.2068312446001097E-3</v>
      </c>
      <c r="K8" s="190">
        <v>1.0999999999999999E-2</v>
      </c>
      <c r="L8" s="94">
        <v>2.0059126667579716E-3</v>
      </c>
      <c r="M8" s="188">
        <v>11074</v>
      </c>
      <c r="N8" s="84">
        <v>5.4</v>
      </c>
      <c r="O8" s="85">
        <v>1.9599999999999999E-2</v>
      </c>
      <c r="P8" s="190">
        <v>7.4999999999999997E-2</v>
      </c>
      <c r="Q8" s="94">
        <v>5.0340808005329817E-3</v>
      </c>
      <c r="R8" s="190">
        <v>0.115</v>
      </c>
      <c r="S8" s="94">
        <v>6.0947779751367942E-3</v>
      </c>
      <c r="T8" s="190">
        <v>0.68500000000000005</v>
      </c>
      <c r="U8" s="94">
        <v>8.8701825986047169E-3</v>
      </c>
      <c r="V8" s="190">
        <v>0.126</v>
      </c>
      <c r="W8" s="94">
        <v>6.3394104173580719E-3</v>
      </c>
    </row>
    <row r="9" spans="1:55">
      <c r="A9" s="49" t="s">
        <v>435</v>
      </c>
      <c r="B9" s="49">
        <v>8836</v>
      </c>
      <c r="C9" s="172">
        <v>4.7</v>
      </c>
      <c r="D9" s="132">
        <v>3.9199999999999999E-2</v>
      </c>
      <c r="E9" s="191">
        <v>0.249</v>
      </c>
      <c r="F9" s="97">
        <v>9.2000393856238021E-3</v>
      </c>
      <c r="G9" s="191">
        <v>0.161</v>
      </c>
      <c r="H9" s="97">
        <v>7.8210464800530181E-3</v>
      </c>
      <c r="I9" s="191">
        <v>0.58499999999999996</v>
      </c>
      <c r="J9" s="97">
        <v>1.0481216488890508E-2</v>
      </c>
      <c r="K9" s="191">
        <v>5.0000000000000001E-3</v>
      </c>
      <c r="L9" s="97">
        <v>1.5334419795925037E-3</v>
      </c>
      <c r="M9" s="49">
        <v>8821</v>
      </c>
      <c r="N9" s="172">
        <v>5.47</v>
      </c>
      <c r="O9" s="132">
        <v>3.9199999999999999E-2</v>
      </c>
      <c r="P9" s="191">
        <v>7.0999999999999994E-2</v>
      </c>
      <c r="Q9" s="97">
        <v>5.4746719709409608E-3</v>
      </c>
      <c r="R9" s="191">
        <v>0.10100000000000001</v>
      </c>
      <c r="S9" s="97">
        <v>6.4203389805858871E-3</v>
      </c>
      <c r="T9" s="191">
        <v>0.69499999999999995</v>
      </c>
      <c r="U9" s="97">
        <v>9.8028026851548992E-3</v>
      </c>
      <c r="V9" s="191">
        <v>0.13300000000000001</v>
      </c>
      <c r="W9" s="97">
        <v>7.2333213841521459E-3</v>
      </c>
    </row>
    <row r="10" spans="1:55">
      <c r="A10" s="45" t="s">
        <v>436</v>
      </c>
      <c r="B10" s="53">
        <v>1982</v>
      </c>
      <c r="C10" s="84">
        <v>5.34</v>
      </c>
      <c r="D10" s="85">
        <v>5.8799999999999998E-2</v>
      </c>
      <c r="E10" s="190">
        <v>8.5500000000000007E-2</v>
      </c>
      <c r="F10" s="94">
        <v>1.2604538787916123E-2</v>
      </c>
      <c r="G10" s="190">
        <v>0.15870000000000001</v>
      </c>
      <c r="H10" s="94">
        <v>1.6427267436820155E-2</v>
      </c>
      <c r="I10" s="190">
        <v>0.73740000000000006</v>
      </c>
      <c r="J10" s="94">
        <v>1.9760297484259556E-2</v>
      </c>
      <c r="K10" s="190">
        <v>1.8499999999999999E-2</v>
      </c>
      <c r="L10" s="94">
        <v>6.2008536355848401E-3</v>
      </c>
      <c r="M10" s="53">
        <v>1982</v>
      </c>
      <c r="N10" s="84">
        <v>5.31</v>
      </c>
      <c r="O10" s="85">
        <v>5.8799999999999998E-2</v>
      </c>
      <c r="P10" s="190">
        <v>7.5800000000000006E-2</v>
      </c>
      <c r="Q10" s="94">
        <v>1.1939633879621185E-2</v>
      </c>
      <c r="R10" s="190">
        <v>0.125</v>
      </c>
      <c r="S10" s="94">
        <v>1.4880585078639935E-2</v>
      </c>
      <c r="T10" s="190">
        <v>0.68089999999999995</v>
      </c>
      <c r="U10" s="94">
        <v>2.0925556405062211E-2</v>
      </c>
      <c r="V10" s="190">
        <v>0.1183</v>
      </c>
      <c r="W10" s="94">
        <v>1.4534842448889567E-2</v>
      </c>
    </row>
    <row r="11" spans="1:55">
      <c r="A11" s="49" t="s">
        <v>437</v>
      </c>
      <c r="B11" s="49">
        <v>3069</v>
      </c>
      <c r="C11" s="172">
        <v>4.92</v>
      </c>
      <c r="D11" s="132">
        <v>5.8799999999999998E-2</v>
      </c>
      <c r="E11" s="191">
        <v>0.192</v>
      </c>
      <c r="F11" s="97">
        <v>1.4221656601576191E-2</v>
      </c>
      <c r="G11" s="191">
        <v>0.16200000000000001</v>
      </c>
      <c r="H11" s="97">
        <v>1.330770386467771E-2</v>
      </c>
      <c r="I11" s="191">
        <v>0.63600000000000001</v>
      </c>
      <c r="J11" s="97">
        <v>1.7360934397542147E-2</v>
      </c>
      <c r="K11" s="191">
        <v>8.9999999999999993E-3</v>
      </c>
      <c r="L11" s="97">
        <v>3.5250398674310131E-3</v>
      </c>
      <c r="M11" s="49">
        <v>3090</v>
      </c>
      <c r="N11" s="172">
        <v>5.39</v>
      </c>
      <c r="O11" s="132">
        <v>5.8799999999999998E-2</v>
      </c>
      <c r="P11" s="191">
        <v>8.2000000000000003E-2</v>
      </c>
      <c r="Q11" s="97">
        <v>9.9333944864873954E-3</v>
      </c>
      <c r="R11" s="191">
        <v>0.11600000000000001</v>
      </c>
      <c r="S11" s="97">
        <v>1.1580507031651657E-2</v>
      </c>
      <c r="T11" s="191">
        <v>0.69399999999999995</v>
      </c>
      <c r="U11" s="97">
        <v>1.6638012690424798E-2</v>
      </c>
      <c r="V11" s="191">
        <v>0.108</v>
      </c>
      <c r="W11" s="97">
        <v>1.1226780830383348E-2</v>
      </c>
    </row>
    <row r="12" spans="1:55">
      <c r="A12" s="45" t="s">
        <v>438</v>
      </c>
      <c r="B12" s="53">
        <v>2478</v>
      </c>
      <c r="C12" s="84">
        <v>4.7699999999999996</v>
      </c>
      <c r="D12" s="85">
        <v>5.8799999999999998E-2</v>
      </c>
      <c r="E12" s="190">
        <v>0.23300000000000001</v>
      </c>
      <c r="F12" s="94">
        <v>1.6981793068341928E-2</v>
      </c>
      <c r="G12" s="190">
        <v>0.16900000000000001</v>
      </c>
      <c r="H12" s="94">
        <v>1.5063221762020362E-2</v>
      </c>
      <c r="I12" s="190">
        <v>0.59199999999999997</v>
      </c>
      <c r="J12" s="94">
        <v>1.9730793320668794E-2</v>
      </c>
      <c r="K12" s="190">
        <v>6.0000000000000001E-3</v>
      </c>
      <c r="L12" s="94">
        <v>3.2982169234185596E-3</v>
      </c>
      <c r="M12" s="53">
        <v>2156</v>
      </c>
      <c r="N12" s="84">
        <v>5.47</v>
      </c>
      <c r="O12" s="85">
        <v>5.8799999999999998E-2</v>
      </c>
      <c r="P12" s="190">
        <v>7.6999999999999999E-2</v>
      </c>
      <c r="Q12" s="94">
        <v>1.0752108515062402E-2</v>
      </c>
      <c r="R12" s="190">
        <v>0.10100000000000001</v>
      </c>
      <c r="S12" s="94">
        <v>1.2138261197100167E-2</v>
      </c>
      <c r="T12" s="190">
        <v>0.69599999999999995</v>
      </c>
      <c r="U12" s="94">
        <v>1.8482479631536861E-2</v>
      </c>
      <c r="V12" s="190">
        <v>0.127</v>
      </c>
      <c r="W12" s="94">
        <v>1.3402246266285892E-2</v>
      </c>
    </row>
    <row r="13" spans="1:55">
      <c r="A13" s="49" t="s">
        <v>449</v>
      </c>
      <c r="B13" s="49">
        <v>294</v>
      </c>
      <c r="C13" s="172">
        <v>5.39</v>
      </c>
      <c r="D13" s="132">
        <v>0.19600000000000001</v>
      </c>
      <c r="E13" s="191">
        <v>0.13400000000000001</v>
      </c>
      <c r="F13" s="97">
        <v>4.0069737714706406E-2</v>
      </c>
      <c r="G13" s="191">
        <v>9.4E-2</v>
      </c>
      <c r="H13" s="97">
        <v>3.4671890375439537E-2</v>
      </c>
      <c r="I13" s="191">
        <v>0.76200000000000001</v>
      </c>
      <c r="J13" s="97">
        <v>4.9587076717469786E-2</v>
      </c>
      <c r="K13" s="191">
        <v>1.0999999999999999E-2</v>
      </c>
      <c r="L13" s="97">
        <v>1.5218882999035354E-2</v>
      </c>
      <c r="M13" s="49">
        <v>296</v>
      </c>
      <c r="N13" s="172">
        <v>5.81</v>
      </c>
      <c r="O13" s="132">
        <v>0.15679999999999999</v>
      </c>
      <c r="P13" s="191">
        <v>7.0000000000000007E-2</v>
      </c>
      <c r="Q13" s="97">
        <v>3.0714703890036388E-2</v>
      </c>
      <c r="R13" s="191">
        <v>4.4999999999999998E-2</v>
      </c>
      <c r="S13" s="97">
        <v>2.5561408004269381E-2</v>
      </c>
      <c r="T13" s="191">
        <v>0.76500000000000001</v>
      </c>
      <c r="U13" s="97">
        <v>4.9462272744811311E-2</v>
      </c>
      <c r="V13" s="191">
        <v>0.12</v>
      </c>
      <c r="W13" s="97">
        <v>3.8396017251181455E-2</v>
      </c>
    </row>
    <row r="14" spans="1:55">
      <c r="A14" s="45" t="s">
        <v>439</v>
      </c>
      <c r="B14" s="53">
        <v>147</v>
      </c>
      <c r="C14" s="84">
        <v>5.77</v>
      </c>
      <c r="D14" s="85">
        <v>0.21559999999999999</v>
      </c>
      <c r="E14" s="190">
        <v>8.4000000000000005E-2</v>
      </c>
      <c r="F14" s="94">
        <v>4.7727452585956183E-2</v>
      </c>
      <c r="G14" s="190">
        <v>9.6000000000000002E-2</v>
      </c>
      <c r="H14" s="94">
        <v>5.0248830575832001E-2</v>
      </c>
      <c r="I14" s="190">
        <v>0.82</v>
      </c>
      <c r="J14" s="94">
        <v>6.3653305385505676E-2</v>
      </c>
      <c r="K14" s="190">
        <v>0</v>
      </c>
      <c r="L14" s="94">
        <v>1.8606843582156651E-2</v>
      </c>
      <c r="M14" s="53">
        <v>147</v>
      </c>
      <c r="N14" s="84">
        <v>5.78</v>
      </c>
      <c r="O14" s="85">
        <v>0.21559999999999999</v>
      </c>
      <c r="P14" s="190">
        <v>8.8999999999999996E-2</v>
      </c>
      <c r="Q14" s="94">
        <v>4.8981084348960667E-2</v>
      </c>
      <c r="R14" s="190">
        <v>2.7E-2</v>
      </c>
      <c r="S14" s="94">
        <v>3.1851370312983629E-2</v>
      </c>
      <c r="T14" s="190">
        <v>0.79</v>
      </c>
      <c r="U14" s="94">
        <v>6.7394466417530927E-2</v>
      </c>
      <c r="V14" s="190">
        <v>9.4E-2</v>
      </c>
      <c r="W14" s="94">
        <v>5.002347092374998E-2</v>
      </c>
    </row>
    <row r="15" spans="1:55">
      <c r="A15" s="49" t="s">
        <v>440</v>
      </c>
      <c r="B15" s="49">
        <v>93</v>
      </c>
      <c r="C15" s="172">
        <v>4.47</v>
      </c>
      <c r="D15" s="132">
        <v>0.3528</v>
      </c>
      <c r="E15" s="191">
        <v>0.28199999999999997</v>
      </c>
      <c r="F15" s="97">
        <v>9.2237857159721826E-2</v>
      </c>
      <c r="G15" s="191">
        <v>0.108</v>
      </c>
      <c r="H15" s="97">
        <v>6.6966067427973397E-2</v>
      </c>
      <c r="I15" s="191">
        <v>0.61</v>
      </c>
      <c r="J15" s="97">
        <v>9.9250253753367879E-2</v>
      </c>
      <c r="K15" s="191">
        <v>0</v>
      </c>
      <c r="L15" s="97">
        <v>2.885686812463846E-2</v>
      </c>
      <c r="M15" s="49">
        <v>94</v>
      </c>
      <c r="N15" s="172">
        <v>5.68</v>
      </c>
      <c r="O15" s="132">
        <v>0.29399999999999998</v>
      </c>
      <c r="P15" s="191">
        <v>7.0000000000000007E-2</v>
      </c>
      <c r="Q15" s="97">
        <v>5.744923789774322E-2</v>
      </c>
      <c r="R15" s="191">
        <v>8.3000000000000004E-2</v>
      </c>
      <c r="S15" s="97">
        <v>6.0973769132327438E-2</v>
      </c>
      <c r="T15" s="191">
        <v>0.70199999999999996</v>
      </c>
      <c r="U15" s="97">
        <v>9.3608505025529948E-2</v>
      </c>
      <c r="V15" s="191">
        <v>0.14499999999999999</v>
      </c>
      <c r="W15" s="97">
        <v>7.4378388663896539E-2</v>
      </c>
    </row>
    <row r="16" spans="1:55">
      <c r="A16" s="45" t="s">
        <v>475</v>
      </c>
      <c r="B16" s="53">
        <v>265</v>
      </c>
      <c r="C16" s="84">
        <v>4.24</v>
      </c>
      <c r="D16" s="85">
        <v>0.19600000000000001</v>
      </c>
      <c r="E16" s="190">
        <v>0.30599999999999999</v>
      </c>
      <c r="F16" s="94">
        <v>5.6341360590841716E-2</v>
      </c>
      <c r="G16" s="190">
        <v>0.23400000000000001</v>
      </c>
      <c r="H16" s="94">
        <v>5.1926831929932533E-2</v>
      </c>
      <c r="I16" s="190">
        <v>0.46</v>
      </c>
      <c r="J16" s="94">
        <v>6.0781433021683186E-2</v>
      </c>
      <c r="K16" s="190">
        <v>0</v>
      </c>
      <c r="L16" s="94">
        <v>1.0475438323093016E-2</v>
      </c>
      <c r="M16" s="53">
        <v>266</v>
      </c>
      <c r="N16" s="84">
        <v>4.95</v>
      </c>
      <c r="O16" s="85">
        <v>0.21559999999999999</v>
      </c>
      <c r="P16" s="190">
        <v>0.185</v>
      </c>
      <c r="Q16" s="94">
        <v>4.7807543131430832E-2</v>
      </c>
      <c r="R16" s="190">
        <v>0.11</v>
      </c>
      <c r="S16" s="94">
        <v>3.90195430394649E-2</v>
      </c>
      <c r="T16" s="190">
        <v>0.58299999999999996</v>
      </c>
      <c r="U16" s="94">
        <v>6.0150289356078725E-2</v>
      </c>
      <c r="V16" s="190">
        <v>0.122</v>
      </c>
      <c r="W16" s="94">
        <v>4.0688086305915208E-2</v>
      </c>
    </row>
    <row r="17" spans="1:23">
      <c r="A17" s="49" t="s">
        <v>441</v>
      </c>
      <c r="B17" s="49">
        <v>83</v>
      </c>
      <c r="C17" s="172">
        <v>3.79</v>
      </c>
      <c r="D17" s="132">
        <v>0.3528</v>
      </c>
      <c r="E17" s="191">
        <v>0.39600000000000002</v>
      </c>
      <c r="F17" s="97">
        <v>0.10507921717286386</v>
      </c>
      <c r="G17" s="191">
        <v>0.25</v>
      </c>
      <c r="H17" s="97">
        <v>9.422765501458473E-2</v>
      </c>
      <c r="I17" s="191">
        <v>0.35399999999999998</v>
      </c>
      <c r="J17" s="97">
        <v>0.10296724897649381</v>
      </c>
      <c r="K17" s="191">
        <v>0</v>
      </c>
      <c r="L17" s="97">
        <v>3.2134798233390625E-2</v>
      </c>
      <c r="M17" s="49">
        <v>83</v>
      </c>
      <c r="N17" s="172">
        <v>4.58</v>
      </c>
      <c r="O17" s="132">
        <v>0.37240000000000001</v>
      </c>
      <c r="P17" s="191">
        <v>0.252</v>
      </c>
      <c r="Q17" s="97">
        <v>9.4448557502430863E-2</v>
      </c>
      <c r="R17" s="191">
        <v>9.2999999999999999E-2</v>
      </c>
      <c r="S17" s="97">
        <v>6.7545788274256405E-2</v>
      </c>
      <c r="T17" s="191">
        <v>0.57599999999999996</v>
      </c>
      <c r="U17" s="97">
        <v>0.10607802737231548</v>
      </c>
      <c r="V17" s="191">
        <v>7.8E-2</v>
      </c>
      <c r="W17" s="97">
        <v>6.3577300593590208E-2</v>
      </c>
    </row>
    <row r="18" spans="1:23" ht="25.5">
      <c r="A18" s="45" t="s">
        <v>442</v>
      </c>
      <c r="B18" s="188">
        <v>107</v>
      </c>
      <c r="C18" s="84">
        <v>4.1500000000000004</v>
      </c>
      <c r="D18" s="85">
        <v>0.3332</v>
      </c>
      <c r="E18" s="190">
        <v>0.36</v>
      </c>
      <c r="F18" s="94">
        <v>9.1393054742945679E-2</v>
      </c>
      <c r="G18" s="190">
        <v>0.19800000000000001</v>
      </c>
      <c r="H18" s="94">
        <v>7.7168547044920432E-2</v>
      </c>
      <c r="I18" s="190">
        <v>0.443</v>
      </c>
      <c r="J18" s="94">
        <v>9.4340946375531018E-2</v>
      </c>
      <c r="K18" s="190">
        <v>0</v>
      </c>
      <c r="L18" s="94">
        <v>2.5250720474759302E-2</v>
      </c>
      <c r="M18" s="188">
        <v>108</v>
      </c>
      <c r="N18" s="84">
        <v>5.19</v>
      </c>
      <c r="O18" s="85">
        <v>0.31359999999999999</v>
      </c>
      <c r="P18" s="190">
        <v>0.16600000000000001</v>
      </c>
      <c r="Q18" s="94">
        <v>7.2618764087580112E-2</v>
      </c>
      <c r="R18" s="190">
        <v>0.13200000000000001</v>
      </c>
      <c r="S18" s="94">
        <v>6.6889832038957611E-2</v>
      </c>
      <c r="T18" s="190">
        <v>0.52900000000000003</v>
      </c>
      <c r="U18" s="94">
        <v>9.4767333957171879E-2</v>
      </c>
      <c r="V18" s="190">
        <v>0.17399999999999999</v>
      </c>
      <c r="W18" s="94">
        <v>7.3826073168206385E-2</v>
      </c>
    </row>
    <row r="19" spans="1:23">
      <c r="A19" s="49" t="s">
        <v>462</v>
      </c>
      <c r="B19" s="189">
        <v>71</v>
      </c>
      <c r="C19" s="172">
        <v>4.79</v>
      </c>
      <c r="D19" s="132">
        <v>0.31359999999999999</v>
      </c>
      <c r="E19" s="191">
        <v>0.152</v>
      </c>
      <c r="F19" s="97">
        <v>8.6862124127838364E-2</v>
      </c>
      <c r="G19" s="191">
        <v>0.27200000000000002</v>
      </c>
      <c r="H19" s="97">
        <v>0.10415708505905875</v>
      </c>
      <c r="I19" s="191">
        <v>0.57599999999999996</v>
      </c>
      <c r="J19" s="97">
        <v>0.1142683804979734</v>
      </c>
      <c r="K19" s="191">
        <v>0</v>
      </c>
      <c r="L19" s="97">
        <v>3.7206132509255738E-2</v>
      </c>
      <c r="M19" s="189">
        <v>71</v>
      </c>
      <c r="N19" s="172">
        <v>5.09</v>
      </c>
      <c r="O19" s="132">
        <v>0.39200000000000002</v>
      </c>
      <c r="P19" s="191">
        <v>0.124</v>
      </c>
      <c r="Q19" s="97">
        <v>8.1093187708590794E-2</v>
      </c>
      <c r="R19" s="191">
        <v>0.113</v>
      </c>
      <c r="S19" s="97">
        <v>7.8580862945970081E-2</v>
      </c>
      <c r="T19" s="191">
        <v>0.65800000000000003</v>
      </c>
      <c r="U19" s="97">
        <v>0.11018235017897814</v>
      </c>
      <c r="V19" s="191">
        <v>0.105</v>
      </c>
      <c r="W19" s="97">
        <v>7.6654675777270878E-2</v>
      </c>
    </row>
    <row r="20" spans="1:23">
      <c r="A20" s="45" t="s">
        <v>450</v>
      </c>
      <c r="B20" s="54">
        <v>310</v>
      </c>
      <c r="C20" s="84">
        <v>5.33</v>
      </c>
      <c r="D20" s="85">
        <v>0.1764</v>
      </c>
      <c r="E20" s="190">
        <v>0.14399999999999999</v>
      </c>
      <c r="F20" s="94">
        <v>4.0138673023887218E-2</v>
      </c>
      <c r="G20" s="190">
        <v>0.13900000000000001</v>
      </c>
      <c r="H20" s="94">
        <v>3.9580303274458155E-2</v>
      </c>
      <c r="I20" s="190">
        <v>0.71299999999999997</v>
      </c>
      <c r="J20" s="94">
        <v>5.1199564050811303E-2</v>
      </c>
      <c r="K20" s="190">
        <v>4.0000000000000001E-3</v>
      </c>
      <c r="L20" s="94">
        <v>1.1405664302277362E-2</v>
      </c>
      <c r="M20" s="54">
        <v>311</v>
      </c>
      <c r="N20" s="84">
        <v>5.51</v>
      </c>
      <c r="O20" s="85">
        <v>0.15679999999999999</v>
      </c>
      <c r="P20" s="190">
        <v>5.3999999999999999E-2</v>
      </c>
      <c r="Q20" s="94">
        <v>2.6737612477660898E-2</v>
      </c>
      <c r="R20" s="190">
        <v>0.108</v>
      </c>
      <c r="S20" s="94">
        <v>3.5731851662410635E-2</v>
      </c>
      <c r="T20" s="190">
        <v>0.66500000000000004</v>
      </c>
      <c r="U20" s="94">
        <v>5.3354267559437722E-2</v>
      </c>
      <c r="V20" s="190">
        <v>0.17299999999999999</v>
      </c>
      <c r="W20" s="94">
        <v>4.3093433295642782E-2</v>
      </c>
    </row>
    <row r="21" spans="1:23">
      <c r="A21" s="49" t="s">
        <v>443</v>
      </c>
      <c r="B21" s="189">
        <v>160</v>
      </c>
      <c r="C21" s="172">
        <v>4.8499999999999996</v>
      </c>
      <c r="D21" s="132">
        <v>0.27440000000000003</v>
      </c>
      <c r="E21" s="191">
        <v>0.247</v>
      </c>
      <c r="F21" s="97">
        <v>6.7908710658285229E-2</v>
      </c>
      <c r="G21" s="191">
        <v>0.13200000000000001</v>
      </c>
      <c r="H21" s="97">
        <v>5.4347905295419205E-2</v>
      </c>
      <c r="I21" s="191">
        <v>0.621</v>
      </c>
      <c r="J21" s="97">
        <v>7.5879314547693796E-2</v>
      </c>
      <c r="K21" s="191">
        <v>0</v>
      </c>
      <c r="L21" s="97">
        <v>1.7141022646310424E-2</v>
      </c>
      <c r="M21" s="189">
        <v>160</v>
      </c>
      <c r="N21" s="172">
        <v>5.6</v>
      </c>
      <c r="O21" s="132">
        <v>0.23519999999999999</v>
      </c>
      <c r="P21" s="191">
        <v>5.0999999999999997E-2</v>
      </c>
      <c r="Q21" s="97">
        <v>3.7782757245157797E-2</v>
      </c>
      <c r="R21" s="191">
        <v>0.13700000000000001</v>
      </c>
      <c r="S21" s="97">
        <v>5.5300370683422632E-2</v>
      </c>
      <c r="T21" s="191">
        <v>0.69799999999999995</v>
      </c>
      <c r="U21" s="97">
        <v>7.2246427951167924E-2</v>
      </c>
      <c r="V21" s="191">
        <v>0.114</v>
      </c>
      <c r="W21" s="97">
        <v>5.1535195167611528E-2</v>
      </c>
    </row>
    <row r="22" spans="1:23">
      <c r="A22" s="57" t="s">
        <v>444</v>
      </c>
      <c r="B22" s="188">
        <v>150</v>
      </c>
      <c r="C22" s="84">
        <v>5.67</v>
      </c>
      <c r="D22" s="85">
        <v>0.19600000000000001</v>
      </c>
      <c r="E22" s="190">
        <v>7.0000000000000007E-2</v>
      </c>
      <c r="F22" s="94">
        <v>4.4013118473991766E-2</v>
      </c>
      <c r="G22" s="190">
        <v>0.14499999999999999</v>
      </c>
      <c r="H22" s="94">
        <v>5.8206245587435049E-2</v>
      </c>
      <c r="I22" s="190">
        <v>0.77900000000000003</v>
      </c>
      <c r="J22" s="94">
        <v>6.7641179511375327E-2</v>
      </c>
      <c r="K22" s="190">
        <v>6.0000000000000001E-3</v>
      </c>
      <c r="L22" s="94">
        <v>2.1906860641337522E-2</v>
      </c>
      <c r="M22" s="188">
        <v>151</v>
      </c>
      <c r="N22" s="84">
        <v>5.44</v>
      </c>
      <c r="O22" s="85">
        <v>0.21559999999999999</v>
      </c>
      <c r="P22" s="190">
        <v>5.5E-2</v>
      </c>
      <c r="Q22" s="94">
        <v>4.0020564348969098E-2</v>
      </c>
      <c r="R22" s="190">
        <v>8.7999999999999995E-2</v>
      </c>
      <c r="S22" s="94">
        <v>4.789880077523951E-2</v>
      </c>
      <c r="T22" s="190">
        <v>0.64100000000000001</v>
      </c>
      <c r="U22" s="94">
        <v>7.7231428655390441E-2</v>
      </c>
      <c r="V22" s="190">
        <v>0.215</v>
      </c>
      <c r="W22" s="94">
        <v>6.6800263552130423E-2</v>
      </c>
    </row>
    <row r="23" spans="1:23">
      <c r="A23" s="49" t="s">
        <v>451</v>
      </c>
      <c r="B23" s="189">
        <v>90</v>
      </c>
      <c r="C23" s="172">
        <v>5</v>
      </c>
      <c r="D23" s="132">
        <v>0.3332</v>
      </c>
      <c r="E23" s="191">
        <v>0.221</v>
      </c>
      <c r="F23" s="97">
        <v>8.7188427274780364E-2</v>
      </c>
      <c r="G23" s="191">
        <v>0.108</v>
      </c>
      <c r="H23" s="97">
        <v>6.8147379850610229E-2</v>
      </c>
      <c r="I23" s="191">
        <v>0.65900000000000003</v>
      </c>
      <c r="J23" s="97">
        <v>9.8245198310019322E-2</v>
      </c>
      <c r="K23" s="191">
        <v>1.2999999999999999E-2</v>
      </c>
      <c r="L23" s="97">
        <v>3.7237670391717451E-2</v>
      </c>
      <c r="M23" s="189">
        <v>92</v>
      </c>
      <c r="N23" s="172">
        <v>5.78</v>
      </c>
      <c r="O23" s="132">
        <v>0.29399999999999998</v>
      </c>
      <c r="P23" s="191">
        <v>4.9000000000000002E-2</v>
      </c>
      <c r="Q23" s="97">
        <v>5.1653462777835571E-2</v>
      </c>
      <c r="R23" s="191">
        <v>0.11700000000000001</v>
      </c>
      <c r="S23" s="97">
        <v>6.970726756154362E-2</v>
      </c>
      <c r="T23" s="191">
        <v>0.70699999999999996</v>
      </c>
      <c r="U23" s="97">
        <v>9.4185342888305101E-2</v>
      </c>
      <c r="V23" s="191">
        <v>0.127</v>
      </c>
      <c r="W23" s="97">
        <v>7.1771705618338941E-2</v>
      </c>
    </row>
    <row r="24" spans="1:23">
      <c r="A24" s="57" t="s">
        <v>452</v>
      </c>
      <c r="B24" s="188">
        <v>321</v>
      </c>
      <c r="C24" s="84">
        <v>4.0199999999999996</v>
      </c>
      <c r="D24" s="85">
        <v>0.19600000000000001</v>
      </c>
      <c r="E24" s="190">
        <v>0.38700000000000001</v>
      </c>
      <c r="F24" s="94">
        <v>5.4070424687934021E-2</v>
      </c>
      <c r="G24" s="190">
        <v>0.186</v>
      </c>
      <c r="H24" s="94">
        <v>4.3510004962178876E-2</v>
      </c>
      <c r="I24" s="190">
        <v>0.42399999999999999</v>
      </c>
      <c r="J24" s="94">
        <v>5.4841343586431605E-2</v>
      </c>
      <c r="K24" s="190">
        <v>4.0000000000000001E-3</v>
      </c>
      <c r="L24" s="94">
        <v>1.1095397317415696E-2</v>
      </c>
      <c r="M24" s="188">
        <v>325</v>
      </c>
      <c r="N24" s="84">
        <v>5.18</v>
      </c>
      <c r="O24" s="85">
        <v>0.15679999999999999</v>
      </c>
      <c r="P24" s="190">
        <v>0.128</v>
      </c>
      <c r="Q24" s="94">
        <v>3.7801829964833125E-2</v>
      </c>
      <c r="R24" s="190">
        <v>0.14099999999999999</v>
      </c>
      <c r="S24" s="94">
        <v>3.9295207639534098E-2</v>
      </c>
      <c r="T24" s="190">
        <v>0.67800000000000005</v>
      </c>
      <c r="U24" s="94">
        <v>5.2170086239334987E-2</v>
      </c>
      <c r="V24" s="190">
        <v>5.2999999999999999E-2</v>
      </c>
      <c r="W24" s="94">
        <v>2.616820061244669E-2</v>
      </c>
    </row>
    <row r="25" spans="1:23">
      <c r="A25" s="49" t="s">
        <v>445</v>
      </c>
      <c r="B25" s="189">
        <v>103</v>
      </c>
      <c r="C25" s="172">
        <v>3.83</v>
      </c>
      <c r="D25" s="132">
        <v>0.3528</v>
      </c>
      <c r="E25" s="191">
        <v>0.436</v>
      </c>
      <c r="F25" s="97">
        <v>9.5936996230363836E-2</v>
      </c>
      <c r="G25" s="191">
        <v>0.19700000000000001</v>
      </c>
      <c r="H25" s="97">
        <v>7.8520649356520741E-2</v>
      </c>
      <c r="I25" s="191">
        <v>0.36799999999999999</v>
      </c>
      <c r="J25" s="97">
        <v>9.3499838352145814E-2</v>
      </c>
      <c r="K25" s="191">
        <v>0</v>
      </c>
      <c r="L25" s="97">
        <v>2.6185687246820841E-2</v>
      </c>
      <c r="M25" s="189">
        <v>106</v>
      </c>
      <c r="N25" s="172">
        <v>5.46</v>
      </c>
      <c r="O25" s="132">
        <v>0.29399999999999998</v>
      </c>
      <c r="P25" s="191">
        <v>7.9000000000000001E-2</v>
      </c>
      <c r="Q25" s="97">
        <v>5.6622365682967968E-2</v>
      </c>
      <c r="R25" s="191">
        <v>0.122</v>
      </c>
      <c r="S25" s="97">
        <v>6.6304095591646142E-2</v>
      </c>
      <c r="T25" s="191">
        <v>0.69699999999999995</v>
      </c>
      <c r="U25" s="97">
        <v>8.94507376194736E-2</v>
      </c>
      <c r="V25" s="191">
        <v>0.10199999999999999</v>
      </c>
      <c r="W25" s="97">
        <v>6.2117741628170145E-2</v>
      </c>
    </row>
    <row r="26" spans="1:23">
      <c r="A26" s="57" t="s">
        <v>446</v>
      </c>
      <c r="B26" s="188">
        <v>123</v>
      </c>
      <c r="C26" s="84">
        <v>3.81</v>
      </c>
      <c r="D26" s="85">
        <v>0.29399999999999998</v>
      </c>
      <c r="E26" s="190">
        <v>0.44700000000000001</v>
      </c>
      <c r="F26" s="94">
        <v>8.8266803552614292E-2</v>
      </c>
      <c r="G26" s="190">
        <v>0.184</v>
      </c>
      <c r="H26" s="94">
        <v>7.0170789261487704E-2</v>
      </c>
      <c r="I26" s="190">
        <v>0.36899999999999999</v>
      </c>
      <c r="J26" s="94">
        <v>8.5831364442962993E-2</v>
      </c>
      <c r="K26" s="190">
        <v>0</v>
      </c>
      <c r="L26" s="94">
        <v>2.2095020994736762E-2</v>
      </c>
      <c r="M26" s="188">
        <v>124</v>
      </c>
      <c r="N26" s="84">
        <v>4.82</v>
      </c>
      <c r="O26" s="85">
        <v>0.25480000000000003</v>
      </c>
      <c r="P26" s="190">
        <v>0.20599999999999999</v>
      </c>
      <c r="Q26" s="94">
        <v>7.3540713847174477E-2</v>
      </c>
      <c r="R26" s="190">
        <v>0.14199999999999999</v>
      </c>
      <c r="S26" s="94">
        <v>6.4475050942577772E-2</v>
      </c>
      <c r="T26" s="190">
        <v>0.621</v>
      </c>
      <c r="U26" s="94">
        <v>8.6953970649487886E-2</v>
      </c>
      <c r="V26" s="190">
        <v>3.1E-2</v>
      </c>
      <c r="W26" s="94">
        <v>3.7476932184371758E-2</v>
      </c>
    </row>
    <row r="27" spans="1:23">
      <c r="A27" s="49" t="s">
        <v>447</v>
      </c>
      <c r="B27" s="189">
        <v>95</v>
      </c>
      <c r="C27" s="172">
        <v>4.49</v>
      </c>
      <c r="D27" s="132">
        <v>0.3332</v>
      </c>
      <c r="E27" s="191">
        <v>0.26</v>
      </c>
      <c r="F27" s="97">
        <v>8.9207626215926539E-2</v>
      </c>
      <c r="G27" s="191">
        <v>0.17599999999999999</v>
      </c>
      <c r="H27" s="97">
        <v>7.8710706006256473E-2</v>
      </c>
      <c r="I27" s="191">
        <v>0.55100000000000005</v>
      </c>
      <c r="J27" s="97">
        <v>0.1000211968889837</v>
      </c>
      <c r="K27" s="191">
        <v>1.2999999999999999E-2</v>
      </c>
      <c r="L27" s="97">
        <v>3.5736972073307109E-2</v>
      </c>
      <c r="M27" s="189">
        <v>95</v>
      </c>
      <c r="N27" s="172">
        <v>5.36</v>
      </c>
      <c r="O27" s="132">
        <v>0.25480000000000003</v>
      </c>
      <c r="P27" s="191">
        <v>8.2000000000000003E-2</v>
      </c>
      <c r="Q27" s="97">
        <v>6.035544318566375E-2</v>
      </c>
      <c r="R27" s="191">
        <v>0.158</v>
      </c>
      <c r="S27" s="97">
        <v>7.623519537075564E-2</v>
      </c>
      <c r="T27" s="191">
        <v>0.72899999999999998</v>
      </c>
      <c r="U27" s="97">
        <v>9.0745783664285623E-2</v>
      </c>
      <c r="V27" s="191">
        <v>3.1E-2</v>
      </c>
      <c r="W27" s="97">
        <v>4.4091070418270685E-2</v>
      </c>
    </row>
    <row r="28" spans="1:23">
      <c r="A28" s="57" t="s">
        <v>453</v>
      </c>
      <c r="B28" s="188">
        <v>100</v>
      </c>
      <c r="C28" s="84">
        <v>4.74</v>
      </c>
      <c r="D28" s="85">
        <v>0.31359999999999999</v>
      </c>
      <c r="E28" s="190">
        <v>0.24399999999999999</v>
      </c>
      <c r="F28" s="94">
        <v>8.5351824824723768E-2</v>
      </c>
      <c r="G28" s="190">
        <v>0.127</v>
      </c>
      <c r="H28" s="94">
        <v>6.8322599774624987E-2</v>
      </c>
      <c r="I28" s="190">
        <v>0.61799999999999999</v>
      </c>
      <c r="J28" s="94">
        <v>9.5499995829629564E-2</v>
      </c>
      <c r="K28" s="190">
        <v>1.0999999999999999E-2</v>
      </c>
      <c r="L28" s="94">
        <v>3.3350812345649121E-2</v>
      </c>
      <c r="M28" s="188">
        <v>101</v>
      </c>
      <c r="N28" s="84">
        <v>5.52</v>
      </c>
      <c r="O28" s="85">
        <v>0.29399999999999998</v>
      </c>
      <c r="P28" s="190">
        <v>5.1999999999999998E-2</v>
      </c>
      <c r="Q28" s="94">
        <v>4.9491302640333051E-2</v>
      </c>
      <c r="R28" s="190">
        <v>7.6999999999999999E-2</v>
      </c>
      <c r="S28" s="94">
        <v>5.6717853243746834E-2</v>
      </c>
      <c r="T28" s="190">
        <v>0.71099999999999997</v>
      </c>
      <c r="U28" s="94">
        <v>8.9188183119774667E-2</v>
      </c>
      <c r="V28" s="190">
        <v>0.161</v>
      </c>
      <c r="W28" s="94">
        <v>7.3980205058682968E-2</v>
      </c>
    </row>
    <row r="29" spans="1:23">
      <c r="A29" s="49" t="s">
        <v>459</v>
      </c>
      <c r="B29" s="189">
        <v>369</v>
      </c>
      <c r="C29" s="172">
        <v>5.34</v>
      </c>
      <c r="D29" s="132">
        <v>0.15679999999999999</v>
      </c>
      <c r="E29" s="191">
        <v>8.2000000000000003E-2</v>
      </c>
      <c r="F29" s="97">
        <v>2.9107057299653408E-2</v>
      </c>
      <c r="G29" s="191">
        <v>0.14000000000000001</v>
      </c>
      <c r="H29" s="97">
        <v>3.6342829999122209E-2</v>
      </c>
      <c r="I29" s="191">
        <v>0.76100000000000001</v>
      </c>
      <c r="J29" s="97">
        <v>4.4339925813108298E-2</v>
      </c>
      <c r="K29" s="191">
        <v>1.7000000000000001E-2</v>
      </c>
      <c r="L29" s="97">
        <v>1.5250434499890036E-2</v>
      </c>
      <c r="M29" s="189">
        <v>371</v>
      </c>
      <c r="N29" s="172">
        <v>5.17</v>
      </c>
      <c r="O29" s="132">
        <v>0.13720000000000002</v>
      </c>
      <c r="P29" s="191">
        <v>0.106</v>
      </c>
      <c r="Q29" s="97">
        <v>3.243068188154985E-2</v>
      </c>
      <c r="R29" s="191">
        <v>0.13900000000000001</v>
      </c>
      <c r="S29" s="97">
        <v>3.6238575184351703E-2</v>
      </c>
      <c r="T29" s="191">
        <v>0.69799999999999995</v>
      </c>
      <c r="U29" s="97">
        <v>4.7639433049553787E-2</v>
      </c>
      <c r="V29" s="191">
        <v>5.8000000000000003E-2</v>
      </c>
      <c r="W29" s="97">
        <v>2.5111791983241465E-2</v>
      </c>
    </row>
    <row r="32" spans="1:23" ht="18.75">
      <c r="A32" s="321" t="s">
        <v>49</v>
      </c>
      <c r="B32" s="321"/>
      <c r="C32" s="321"/>
      <c r="D32" s="321"/>
      <c r="E32" s="321"/>
      <c r="F32" s="321"/>
      <c r="G32" s="321"/>
      <c r="H32" s="321"/>
      <c r="I32" s="321"/>
      <c r="J32" s="321"/>
      <c r="K32" s="321"/>
      <c r="L32" s="321"/>
      <c r="M32" s="321"/>
      <c r="N32" s="321"/>
      <c r="O32" s="321"/>
      <c r="P32" s="321"/>
      <c r="Q32" s="321"/>
      <c r="R32" s="321"/>
      <c r="S32" s="321"/>
      <c r="T32" s="321"/>
      <c r="U32" s="321"/>
      <c r="V32" s="321"/>
      <c r="W32" s="321"/>
    </row>
    <row r="33" spans="1:23" ht="56.25" customHeight="1">
      <c r="A33" s="387" t="s">
        <v>502</v>
      </c>
      <c r="B33" s="387"/>
      <c r="C33" s="387"/>
      <c r="D33" s="387"/>
      <c r="E33" s="387"/>
      <c r="F33" s="387"/>
      <c r="G33" s="387"/>
      <c r="H33" s="387"/>
      <c r="I33" s="387"/>
      <c r="J33" s="387"/>
      <c r="K33" s="387"/>
      <c r="L33" s="387"/>
      <c r="M33" s="387"/>
      <c r="N33" s="387"/>
      <c r="O33" s="387"/>
      <c r="P33" s="387"/>
      <c r="Q33" s="387"/>
      <c r="R33" s="387"/>
      <c r="S33" s="387"/>
      <c r="T33" s="387"/>
      <c r="U33" s="387"/>
      <c r="V33" s="387"/>
      <c r="W33" s="387"/>
    </row>
    <row r="34" spans="1:23" ht="36" customHeight="1">
      <c r="A34" s="64"/>
      <c r="B34" s="364" t="s">
        <v>164</v>
      </c>
      <c r="C34" s="365"/>
      <c r="D34" s="365"/>
      <c r="E34" s="365"/>
      <c r="F34" s="365"/>
      <c r="G34" s="365"/>
      <c r="H34" s="365"/>
      <c r="I34" s="365"/>
      <c r="J34" s="365"/>
      <c r="K34" s="365"/>
      <c r="L34" s="366"/>
      <c r="M34" s="367" t="s">
        <v>165</v>
      </c>
      <c r="N34" s="368"/>
      <c r="O34" s="368"/>
      <c r="P34" s="368"/>
      <c r="Q34" s="368"/>
      <c r="R34" s="368"/>
      <c r="S34" s="368"/>
      <c r="T34" s="368"/>
      <c r="U34" s="368"/>
      <c r="V34" s="368"/>
      <c r="W34" s="368"/>
    </row>
    <row r="35" spans="1:23" ht="41.25" customHeight="1">
      <c r="A35" s="37" t="s">
        <v>85</v>
      </c>
      <c r="B35" s="38" t="s">
        <v>86</v>
      </c>
      <c r="C35" s="39" t="s">
        <v>87</v>
      </c>
      <c r="D35" s="40" t="s">
        <v>88</v>
      </c>
      <c r="E35" s="38" t="s">
        <v>367</v>
      </c>
      <c r="F35" s="89" t="s">
        <v>162</v>
      </c>
      <c r="G35" s="38" t="s">
        <v>368</v>
      </c>
      <c r="H35" s="89" t="s">
        <v>163</v>
      </c>
      <c r="I35" s="38" t="s">
        <v>369</v>
      </c>
      <c r="J35" s="89" t="s">
        <v>136</v>
      </c>
      <c r="K35" s="38" t="s">
        <v>356</v>
      </c>
      <c r="L35" s="89" t="s">
        <v>370</v>
      </c>
      <c r="M35" s="65" t="s">
        <v>86</v>
      </c>
      <c r="N35" s="66" t="s">
        <v>87</v>
      </c>
      <c r="O35" s="67" t="s">
        <v>88</v>
      </c>
      <c r="P35" s="65" t="s">
        <v>367</v>
      </c>
      <c r="Q35" s="88" t="s">
        <v>162</v>
      </c>
      <c r="R35" s="65" t="s">
        <v>371</v>
      </c>
      <c r="S35" s="88" t="s">
        <v>372</v>
      </c>
      <c r="T35" s="65" t="s">
        <v>369</v>
      </c>
      <c r="U35" s="88" t="s">
        <v>136</v>
      </c>
      <c r="V35" s="65" t="s">
        <v>356</v>
      </c>
      <c r="W35" s="88" t="s">
        <v>370</v>
      </c>
    </row>
    <row r="36" spans="1:23" ht="72">
      <c r="A36" s="41"/>
      <c r="B36" s="42" t="s">
        <v>89</v>
      </c>
      <c r="C36" s="128" t="s">
        <v>359</v>
      </c>
      <c r="D36" s="44" t="s">
        <v>91</v>
      </c>
      <c r="E36" s="42" t="s">
        <v>181</v>
      </c>
      <c r="F36" s="91" t="s">
        <v>104</v>
      </c>
      <c r="G36" s="42" t="s">
        <v>182</v>
      </c>
      <c r="H36" s="91" t="s">
        <v>104</v>
      </c>
      <c r="I36" s="42" t="s">
        <v>183</v>
      </c>
      <c r="J36" s="91" t="s">
        <v>104</v>
      </c>
      <c r="K36" s="42" t="s">
        <v>356</v>
      </c>
      <c r="L36" s="91" t="s">
        <v>104</v>
      </c>
      <c r="M36" s="68" t="s">
        <v>89</v>
      </c>
      <c r="N36" s="273" t="s">
        <v>359</v>
      </c>
      <c r="O36" s="70" t="s">
        <v>91</v>
      </c>
      <c r="P36" s="68" t="s">
        <v>181</v>
      </c>
      <c r="Q36" s="90" t="s">
        <v>104</v>
      </c>
      <c r="R36" s="68" t="s">
        <v>182</v>
      </c>
      <c r="S36" s="90" t="s">
        <v>104</v>
      </c>
      <c r="T36" s="68" t="s">
        <v>183</v>
      </c>
      <c r="U36" s="90" t="s">
        <v>104</v>
      </c>
      <c r="V36" s="68" t="s">
        <v>356</v>
      </c>
      <c r="W36" s="90" t="s">
        <v>104</v>
      </c>
    </row>
    <row r="37" spans="1:23">
      <c r="A37" s="45" t="s">
        <v>434</v>
      </c>
      <c r="B37" s="188">
        <v>10997</v>
      </c>
      <c r="C37" s="84">
        <v>4.3899999999999997</v>
      </c>
      <c r="D37" s="85">
        <v>3.9199999999999999E-2</v>
      </c>
      <c r="E37" s="190">
        <v>0.26700000000000002</v>
      </c>
      <c r="F37" s="94">
        <v>8.4365585026298495E-3</v>
      </c>
      <c r="G37" s="190">
        <v>0.224</v>
      </c>
      <c r="H37" s="94">
        <v>7.9512967459353778E-3</v>
      </c>
      <c r="I37" s="190">
        <v>0.504</v>
      </c>
      <c r="J37" s="94">
        <v>9.5338876527077572E-3</v>
      </c>
      <c r="K37" s="190">
        <v>6.0000000000000001E-3</v>
      </c>
      <c r="L37" s="94">
        <v>1.4943376847884457E-3</v>
      </c>
      <c r="M37" s="188">
        <v>10977</v>
      </c>
      <c r="N37" s="84">
        <v>3.88</v>
      </c>
      <c r="O37" s="85">
        <v>3.9199999999999999E-2</v>
      </c>
      <c r="P37" s="190">
        <v>0.41699999999999998</v>
      </c>
      <c r="Q37" s="94">
        <v>9.4105679895937332E-3</v>
      </c>
      <c r="R37" s="190">
        <v>0.15</v>
      </c>
      <c r="S37" s="94">
        <v>6.8173572997118521E-3</v>
      </c>
      <c r="T37" s="190">
        <v>0.40899999999999997</v>
      </c>
      <c r="U37" s="94">
        <v>9.383608132361736E-3</v>
      </c>
      <c r="V37" s="190">
        <v>2.5000000000000001E-2</v>
      </c>
      <c r="W37" s="94">
        <v>2.9897889479471949E-3</v>
      </c>
    </row>
    <row r="38" spans="1:23">
      <c r="A38" s="49" t="s">
        <v>435</v>
      </c>
      <c r="B38" s="49">
        <v>8852</v>
      </c>
      <c r="C38" s="172">
        <v>4.1399999999999997</v>
      </c>
      <c r="D38" s="132">
        <v>3.9199999999999999E-2</v>
      </c>
      <c r="E38" s="191">
        <v>0.32900000000000001</v>
      </c>
      <c r="F38" s="97">
        <v>9.9861106946665928E-3</v>
      </c>
      <c r="G38" s="191">
        <v>0.24099999999999999</v>
      </c>
      <c r="H38" s="97">
        <v>9.0910178186695816E-3</v>
      </c>
      <c r="I38" s="191">
        <v>0.42899999999999999</v>
      </c>
      <c r="J38" s="97">
        <v>1.0518696579988291E-2</v>
      </c>
      <c r="K38" s="191">
        <v>1E-3</v>
      </c>
      <c r="L38" s="97">
        <v>7.4350009514959753E-4</v>
      </c>
      <c r="M38" s="49">
        <v>8830</v>
      </c>
      <c r="N38" s="172">
        <v>3.23</v>
      </c>
      <c r="O38" s="132">
        <v>3.9199999999999999E-2</v>
      </c>
      <c r="P38" s="191">
        <v>0.55700000000000005</v>
      </c>
      <c r="Q38" s="97">
        <v>1.0570203476782556E-2</v>
      </c>
      <c r="R38" s="191">
        <v>0.15</v>
      </c>
      <c r="S38" s="97">
        <v>7.6014282557568319E-3</v>
      </c>
      <c r="T38" s="191">
        <v>0.26300000000000001</v>
      </c>
      <c r="U38" s="97">
        <v>9.3695747639774892E-3</v>
      </c>
      <c r="V38" s="191">
        <v>0.03</v>
      </c>
      <c r="W38" s="97">
        <v>3.6423787895321488E-3</v>
      </c>
    </row>
    <row r="39" spans="1:23">
      <c r="A39" s="45" t="s">
        <v>436</v>
      </c>
      <c r="B39" s="53">
        <v>1980</v>
      </c>
      <c r="C39" s="84">
        <v>4.99</v>
      </c>
      <c r="D39" s="85">
        <v>5.8799999999999998E-2</v>
      </c>
      <c r="E39" s="190">
        <v>0.13</v>
      </c>
      <c r="F39" s="94">
        <v>1.51372390937506E-2</v>
      </c>
      <c r="G39" s="190">
        <v>0.1817</v>
      </c>
      <c r="H39" s="94">
        <v>1.7337565612587019E-2</v>
      </c>
      <c r="I39" s="190">
        <v>0.67730000000000001</v>
      </c>
      <c r="J39" s="94">
        <v>2.0997855949697764E-2</v>
      </c>
      <c r="K39" s="190">
        <v>1.0999999999999999E-2</v>
      </c>
      <c r="L39" s="94">
        <v>4.8862516158485131E-3</v>
      </c>
      <c r="M39" s="53">
        <v>1983</v>
      </c>
      <c r="N39" s="84">
        <v>5.2</v>
      </c>
      <c r="O39" s="85">
        <v>7.8399999999999997E-2</v>
      </c>
      <c r="P39" s="190">
        <v>0.1368</v>
      </c>
      <c r="Q39" s="94">
        <v>1.5452662235919977E-2</v>
      </c>
      <c r="R39" s="190">
        <v>0.14319999999999999</v>
      </c>
      <c r="S39" s="94">
        <v>1.5748769975711965E-2</v>
      </c>
      <c r="T39" s="190">
        <v>0.70199999999999996</v>
      </c>
      <c r="U39" s="94">
        <v>2.0529484289342082E-2</v>
      </c>
      <c r="V39" s="190">
        <v>1.7999999999999999E-2</v>
      </c>
      <c r="W39" s="94">
        <v>6.120815910818438E-3</v>
      </c>
    </row>
    <row r="40" spans="1:23">
      <c r="A40" s="49" t="s">
        <v>437</v>
      </c>
      <c r="B40" s="49">
        <v>3072</v>
      </c>
      <c r="C40" s="172">
        <v>4.37</v>
      </c>
      <c r="D40" s="132">
        <v>5.8799999999999998E-2</v>
      </c>
      <c r="E40" s="191">
        <v>0.26100000000000001</v>
      </c>
      <c r="F40" s="97">
        <v>1.5843326817600603E-2</v>
      </c>
      <c r="G40" s="191">
        <v>0.224</v>
      </c>
      <c r="H40" s="97">
        <v>1.5043153712855554E-2</v>
      </c>
      <c r="I40" s="191">
        <v>0.51</v>
      </c>
      <c r="J40" s="97">
        <v>1.8026864070882311E-2</v>
      </c>
      <c r="K40" s="191">
        <v>6.0000000000000001E-3</v>
      </c>
      <c r="L40" s="97">
        <v>2.929219492610228E-3</v>
      </c>
      <c r="M40" s="49">
        <v>3064</v>
      </c>
      <c r="N40" s="172">
        <v>3.89</v>
      </c>
      <c r="O40" s="132">
        <v>7.8399999999999997E-2</v>
      </c>
      <c r="P40" s="191">
        <v>0.42</v>
      </c>
      <c r="Q40" s="97">
        <v>1.7821974830372286E-2</v>
      </c>
      <c r="R40" s="191">
        <v>0.13500000000000001</v>
      </c>
      <c r="S40" s="97">
        <v>1.2357250930353883E-2</v>
      </c>
      <c r="T40" s="191">
        <v>0.41799999999999998</v>
      </c>
      <c r="U40" s="97">
        <v>1.7810150549706333E-2</v>
      </c>
      <c r="V40" s="191">
        <v>2.8000000000000001E-2</v>
      </c>
      <c r="W40" s="97">
        <v>6.0200170637720951E-3</v>
      </c>
    </row>
    <row r="41" spans="1:23">
      <c r="A41" s="45" t="s">
        <v>438</v>
      </c>
      <c r="B41" s="53">
        <v>2481</v>
      </c>
      <c r="C41" s="84">
        <v>4.08</v>
      </c>
      <c r="D41" s="85">
        <v>5.8799999999999998E-2</v>
      </c>
      <c r="E41" s="190">
        <v>0.32600000000000001</v>
      </c>
      <c r="F41" s="94">
        <v>1.8810562107003687E-2</v>
      </c>
      <c r="G41" s="190">
        <v>0.248</v>
      </c>
      <c r="H41" s="94">
        <v>1.7335615977648079E-2</v>
      </c>
      <c r="I41" s="190">
        <v>0.42199999999999999</v>
      </c>
      <c r="J41" s="94">
        <v>1.9815469458633331E-2</v>
      </c>
      <c r="K41" s="190">
        <v>3.0000000000000001E-3</v>
      </c>
      <c r="L41" s="94">
        <v>2.468492807452081E-3</v>
      </c>
      <c r="M41" s="53">
        <v>2475</v>
      </c>
      <c r="N41" s="84">
        <v>3.21</v>
      </c>
      <c r="O41" s="85">
        <v>7.8399999999999997E-2</v>
      </c>
      <c r="P41" s="190">
        <v>0.55700000000000005</v>
      </c>
      <c r="Q41" s="94">
        <v>1.9954020418997607E-2</v>
      </c>
      <c r="R41" s="190">
        <v>0.13900000000000001</v>
      </c>
      <c r="S41" s="94">
        <v>1.3920724121713978E-2</v>
      </c>
      <c r="T41" s="190">
        <v>0.26600000000000001</v>
      </c>
      <c r="U41" s="94">
        <v>1.7757297062048698E-2</v>
      </c>
      <c r="V41" s="190">
        <v>3.7999999999999999E-2</v>
      </c>
      <c r="W41" s="94">
        <v>7.7521354981570168E-3</v>
      </c>
    </row>
    <row r="42" spans="1:23">
      <c r="A42" s="49" t="s">
        <v>449</v>
      </c>
      <c r="B42" s="49">
        <v>295</v>
      </c>
      <c r="C42" s="172">
        <v>3.5</v>
      </c>
      <c r="D42" s="132">
        <v>0.1764</v>
      </c>
      <c r="E42" s="191">
        <v>0.46899999999999997</v>
      </c>
      <c r="F42" s="97">
        <v>5.7723193739237802E-2</v>
      </c>
      <c r="G42" s="191">
        <v>0.23599999999999999</v>
      </c>
      <c r="H42" s="97">
        <v>4.9364700060566431E-2</v>
      </c>
      <c r="I42" s="191">
        <v>0.28399999999999997</v>
      </c>
      <c r="J42" s="97">
        <v>5.231547870686102E-2</v>
      </c>
      <c r="K42" s="191">
        <v>1.0999999999999999E-2</v>
      </c>
      <c r="L42" s="97">
        <v>1.5184083843359036E-2</v>
      </c>
      <c r="M42" s="49">
        <v>294</v>
      </c>
      <c r="N42" s="172">
        <v>3.63</v>
      </c>
      <c r="O42" s="132">
        <v>0.21559999999999999</v>
      </c>
      <c r="P42" s="191">
        <v>0.45300000000000001</v>
      </c>
      <c r="Q42" s="97">
        <v>5.7678803291783466E-2</v>
      </c>
      <c r="R42" s="191">
        <v>0.13600000000000001</v>
      </c>
      <c r="S42" s="97">
        <v>4.0307054276175591E-2</v>
      </c>
      <c r="T42" s="191">
        <v>0.38300000000000001</v>
      </c>
      <c r="U42" s="97">
        <v>5.6363635232396993E-2</v>
      </c>
      <c r="V42" s="191">
        <v>2.8000000000000001E-2</v>
      </c>
      <c r="W42" s="97">
        <v>2.1096339919302758E-2</v>
      </c>
    </row>
    <row r="43" spans="1:23">
      <c r="A43" s="45" t="s">
        <v>439</v>
      </c>
      <c r="B43" s="53">
        <v>146</v>
      </c>
      <c r="C43" s="84">
        <v>3.08</v>
      </c>
      <c r="D43" s="85">
        <v>0.25480000000000003</v>
      </c>
      <c r="E43" s="190">
        <v>0.60899999999999999</v>
      </c>
      <c r="F43" s="94">
        <v>7.9790426263175576E-2</v>
      </c>
      <c r="G43" s="190">
        <v>0.217</v>
      </c>
      <c r="H43" s="94">
        <v>6.8142098814277907E-2</v>
      </c>
      <c r="I43" s="190">
        <v>0.17299999999999999</v>
      </c>
      <c r="J43" s="94">
        <v>6.2970435729793064E-2</v>
      </c>
      <c r="K43" s="190">
        <v>0</v>
      </c>
      <c r="L43" s="94">
        <v>1.8730051116182648E-2</v>
      </c>
      <c r="M43" s="53">
        <v>146</v>
      </c>
      <c r="N43" s="84">
        <v>3.81</v>
      </c>
      <c r="O43" s="85">
        <v>0.29399999999999998</v>
      </c>
      <c r="P43" s="190">
        <v>0.42799999999999999</v>
      </c>
      <c r="Q43" s="94">
        <v>8.08436835050622E-2</v>
      </c>
      <c r="R43" s="190">
        <v>0.157</v>
      </c>
      <c r="S43" s="94">
        <v>6.0782004315361245E-2</v>
      </c>
      <c r="T43" s="190">
        <v>0.4</v>
      </c>
      <c r="U43" s="94">
        <v>8.0087655681712847E-2</v>
      </c>
      <c r="V43" s="190">
        <v>1.4999999999999999E-2</v>
      </c>
      <c r="W43" s="94">
        <v>2.690876547259757E-2</v>
      </c>
    </row>
    <row r="44" spans="1:23">
      <c r="A44" s="49" t="s">
        <v>440</v>
      </c>
      <c r="B44" s="49">
        <v>94</v>
      </c>
      <c r="C44" s="172">
        <v>4.03</v>
      </c>
      <c r="D44" s="132">
        <v>0.29399999999999998</v>
      </c>
      <c r="E44" s="191">
        <v>0.28899999999999998</v>
      </c>
      <c r="F44" s="97">
        <v>9.2369974047307485E-2</v>
      </c>
      <c r="G44" s="191">
        <v>0.31900000000000001</v>
      </c>
      <c r="H44" s="97">
        <v>9.4730291347785739E-2</v>
      </c>
      <c r="I44" s="191">
        <v>0.39200000000000002</v>
      </c>
      <c r="J44" s="97">
        <v>9.8823431775232243E-2</v>
      </c>
      <c r="K44" s="191">
        <v>0</v>
      </c>
      <c r="L44" s="97">
        <v>2.8565478049949598E-2</v>
      </c>
      <c r="M44" s="49">
        <v>93</v>
      </c>
      <c r="N44" s="172">
        <v>2.83</v>
      </c>
      <c r="O44" s="132">
        <v>0.37240000000000001</v>
      </c>
      <c r="P44" s="191">
        <v>0.6</v>
      </c>
      <c r="Q44" s="97">
        <v>9.9650468990433547E-2</v>
      </c>
      <c r="R44" s="191">
        <v>0.13600000000000001</v>
      </c>
      <c r="S44" s="97">
        <v>7.2710751844653213E-2</v>
      </c>
      <c r="T44" s="191">
        <v>0.251</v>
      </c>
      <c r="U44" s="97">
        <v>8.9213528599447006E-2</v>
      </c>
      <c r="V44" s="191">
        <v>1.4E-2</v>
      </c>
      <c r="W44" s="97">
        <v>3.6823586843324818E-2</v>
      </c>
    </row>
    <row r="45" spans="1:23">
      <c r="A45" s="45" t="s">
        <v>475</v>
      </c>
      <c r="B45" s="53">
        <v>264</v>
      </c>
      <c r="C45" s="84">
        <v>3.96</v>
      </c>
      <c r="D45" s="85">
        <v>0.1764</v>
      </c>
      <c r="E45" s="190">
        <v>0.38700000000000001</v>
      </c>
      <c r="F45" s="94">
        <v>5.9551723369464397E-2</v>
      </c>
      <c r="G45" s="190">
        <v>0.22900000000000001</v>
      </c>
      <c r="H45" s="94">
        <v>5.164963892070986E-2</v>
      </c>
      <c r="I45" s="190">
        <v>0.38400000000000001</v>
      </c>
      <c r="J45" s="94">
        <v>5.9468124422013026E-2</v>
      </c>
      <c r="K45" s="190">
        <v>0</v>
      </c>
      <c r="L45" s="94">
        <v>1.0514378837277917E-2</v>
      </c>
      <c r="M45" s="53">
        <v>265</v>
      </c>
      <c r="N45" s="84">
        <v>2.85</v>
      </c>
      <c r="O45" s="85">
        <v>0.21559999999999999</v>
      </c>
      <c r="P45" s="190">
        <v>0.64400000000000002</v>
      </c>
      <c r="Q45" s="94">
        <v>5.846564765265129E-2</v>
      </c>
      <c r="R45" s="190">
        <v>0.11799999999999999</v>
      </c>
      <c r="S45" s="94">
        <v>4.0145364384161247E-2</v>
      </c>
      <c r="T45" s="190">
        <v>0.19700000000000001</v>
      </c>
      <c r="U45" s="94">
        <v>4.8914017416831587E-2</v>
      </c>
      <c r="V45" s="190">
        <v>4.1000000000000002E-2</v>
      </c>
      <c r="W45" s="94">
        <v>2.6022015705355114E-2</v>
      </c>
    </row>
    <row r="46" spans="1:23">
      <c r="A46" s="49" t="s">
        <v>441</v>
      </c>
      <c r="B46" s="49">
        <v>83</v>
      </c>
      <c r="C46" s="172">
        <v>3.73</v>
      </c>
      <c r="D46" s="132">
        <v>0.3528</v>
      </c>
      <c r="E46" s="191">
        <v>0.45500000000000002</v>
      </c>
      <c r="F46" s="97">
        <v>0.10681532592223417</v>
      </c>
      <c r="G46" s="191">
        <v>0.19500000000000001</v>
      </c>
      <c r="H46" s="97">
        <v>8.7186516615967435E-2</v>
      </c>
      <c r="I46" s="191">
        <v>0.35</v>
      </c>
      <c r="J46" s="97">
        <v>0.1027263753284306</v>
      </c>
      <c r="K46" s="191">
        <v>0</v>
      </c>
      <c r="L46" s="97">
        <v>3.2134798233390625E-2</v>
      </c>
      <c r="M46" s="49">
        <v>83</v>
      </c>
      <c r="N46" s="172">
        <v>2.63</v>
      </c>
      <c r="O46" s="132">
        <v>0.3528</v>
      </c>
      <c r="P46" s="191">
        <v>0.70499999999999996</v>
      </c>
      <c r="Q46" s="97">
        <v>9.8669431098507482E-2</v>
      </c>
      <c r="R46" s="191">
        <v>0.13300000000000001</v>
      </c>
      <c r="S46" s="97">
        <v>7.65375659448604E-2</v>
      </c>
      <c r="T46" s="191">
        <v>0.16200000000000001</v>
      </c>
      <c r="U46" s="97">
        <v>8.1936251266490359E-2</v>
      </c>
      <c r="V46" s="191">
        <v>1E-3</v>
      </c>
      <c r="W46" s="97">
        <v>3.2778801709862901E-2</v>
      </c>
    </row>
    <row r="47" spans="1:23" ht="25.5">
      <c r="A47" s="45" t="s">
        <v>442</v>
      </c>
      <c r="B47" s="188">
        <v>106</v>
      </c>
      <c r="C47" s="84">
        <v>4.21</v>
      </c>
      <c r="D47" s="85">
        <v>0.27440000000000003</v>
      </c>
      <c r="E47" s="190">
        <v>0.25800000000000001</v>
      </c>
      <c r="F47" s="94">
        <v>8.4340815095119231E-2</v>
      </c>
      <c r="G47" s="190">
        <v>0.38500000000000001</v>
      </c>
      <c r="H47" s="94">
        <v>9.2974939062975923E-2</v>
      </c>
      <c r="I47" s="190">
        <v>0.35799999999999998</v>
      </c>
      <c r="J47" s="94">
        <v>9.1706212654973154E-2</v>
      </c>
      <c r="K47" s="190">
        <v>0</v>
      </c>
      <c r="L47" s="94">
        <v>2.5478147263468021E-2</v>
      </c>
      <c r="M47" s="188">
        <v>107</v>
      </c>
      <c r="N47" s="84">
        <v>2.19</v>
      </c>
      <c r="O47" s="85">
        <v>0.25480000000000003</v>
      </c>
      <c r="P47" s="190">
        <v>0.80900000000000005</v>
      </c>
      <c r="Q47" s="94">
        <v>7.6234943225622617E-2</v>
      </c>
      <c r="R47" s="190">
        <v>8.5999999999999993E-2</v>
      </c>
      <c r="S47" s="94">
        <v>5.718132711125027E-2</v>
      </c>
      <c r="T47" s="190">
        <v>6.3E-2</v>
      </c>
      <c r="U47" s="94">
        <v>5.1130125451980937E-2</v>
      </c>
      <c r="V47" s="190">
        <v>4.2000000000000003E-2</v>
      </c>
      <c r="W47" s="94">
        <v>4.4552520866661449E-2</v>
      </c>
    </row>
    <row r="48" spans="1:23">
      <c r="A48" s="49" t="s">
        <v>462</v>
      </c>
      <c r="B48" s="189">
        <v>71</v>
      </c>
      <c r="C48" s="172">
        <v>3.96</v>
      </c>
      <c r="D48" s="132">
        <v>0.3332</v>
      </c>
      <c r="E48" s="191">
        <v>0.442</v>
      </c>
      <c r="F48" s="97">
        <v>0.11477171729552087</v>
      </c>
      <c r="G48" s="191">
        <v>0.125</v>
      </c>
      <c r="H48" s="97">
        <v>8.1314205401024478E-2</v>
      </c>
      <c r="I48" s="191">
        <v>0.433</v>
      </c>
      <c r="J48" s="97">
        <v>0.11453722724204693</v>
      </c>
      <c r="K48" s="191">
        <v>0</v>
      </c>
      <c r="L48" s="97">
        <v>3.7206132509255738E-2</v>
      </c>
      <c r="M48" s="189">
        <v>71</v>
      </c>
      <c r="N48" s="172">
        <v>3.68</v>
      </c>
      <c r="O48" s="132">
        <v>0.43119999999999997</v>
      </c>
      <c r="P48" s="191">
        <v>0.42</v>
      </c>
      <c r="Q48" s="97">
        <v>0.11413780261239125</v>
      </c>
      <c r="R48" s="191">
        <v>0.14399999999999999</v>
      </c>
      <c r="S48" s="97">
        <v>8.5298538684022179E-2</v>
      </c>
      <c r="T48" s="191">
        <v>0.35299999999999998</v>
      </c>
      <c r="U48" s="97">
        <v>0.11090764792384697</v>
      </c>
      <c r="V48" s="191">
        <v>8.3000000000000004E-2</v>
      </c>
      <c r="W48" s="97">
        <v>7.0866839410262963E-2</v>
      </c>
    </row>
    <row r="49" spans="1:23">
      <c r="A49" s="45" t="s">
        <v>450</v>
      </c>
      <c r="B49" s="54">
        <v>309</v>
      </c>
      <c r="C49" s="84">
        <v>4.6399999999999997</v>
      </c>
      <c r="D49" s="85">
        <v>0.1764</v>
      </c>
      <c r="E49" s="190">
        <v>0.19</v>
      </c>
      <c r="F49" s="94">
        <v>4.4698569463620136E-2</v>
      </c>
      <c r="G49" s="190">
        <v>0.19</v>
      </c>
      <c r="H49" s="94">
        <v>4.4698569463620136E-2</v>
      </c>
      <c r="I49" s="190">
        <v>0.60599999999999998</v>
      </c>
      <c r="J49" s="94">
        <v>5.5271545415713261E-2</v>
      </c>
      <c r="K49" s="190">
        <v>1.4999999999999999E-2</v>
      </c>
      <c r="L49" s="94">
        <v>1.6283716298903423E-2</v>
      </c>
      <c r="M49" s="54">
        <v>311</v>
      </c>
      <c r="N49" s="84">
        <v>4.2300000000000004</v>
      </c>
      <c r="O49" s="85">
        <v>0.21559999999999999</v>
      </c>
      <c r="P49" s="190">
        <v>0.33400000000000002</v>
      </c>
      <c r="Q49" s="94">
        <v>5.323078134734098E-2</v>
      </c>
      <c r="R49" s="190">
        <v>0.19400000000000001</v>
      </c>
      <c r="S49" s="94">
        <v>4.4895216044834242E-2</v>
      </c>
      <c r="T49" s="190">
        <v>0.44800000000000001</v>
      </c>
      <c r="U49" s="94">
        <v>5.6045813119379187E-2</v>
      </c>
      <c r="V49" s="190">
        <v>2.4E-2</v>
      </c>
      <c r="W49" s="94">
        <v>1.9236795364726684E-2</v>
      </c>
    </row>
    <row r="50" spans="1:23">
      <c r="A50" s="49" t="s">
        <v>443</v>
      </c>
      <c r="B50" s="189">
        <v>159</v>
      </c>
      <c r="C50" s="172">
        <v>4.5</v>
      </c>
      <c r="D50" s="132">
        <v>0.25480000000000003</v>
      </c>
      <c r="E50" s="191">
        <v>0.23899999999999999</v>
      </c>
      <c r="F50" s="97">
        <v>6.7411626150797405E-2</v>
      </c>
      <c r="G50" s="191">
        <v>0.17599999999999999</v>
      </c>
      <c r="H50" s="97">
        <v>6.0693937839463065E-2</v>
      </c>
      <c r="I50" s="191">
        <v>0.54900000000000004</v>
      </c>
      <c r="J50" s="97">
        <v>7.7967335396558118E-2</v>
      </c>
      <c r="K50" s="191">
        <v>3.5000000000000003E-2</v>
      </c>
      <c r="L50" s="97">
        <v>3.2955466525720976E-2</v>
      </c>
      <c r="M50" s="189">
        <v>160</v>
      </c>
      <c r="N50" s="172">
        <v>3.97</v>
      </c>
      <c r="O50" s="132">
        <v>0.29399999999999998</v>
      </c>
      <c r="P50" s="191">
        <v>0.36499999999999999</v>
      </c>
      <c r="Q50" s="97">
        <v>7.5329063906366484E-2</v>
      </c>
      <c r="R50" s="191">
        <v>0.19600000000000001</v>
      </c>
      <c r="S50" s="97">
        <v>6.2865927946867753E-2</v>
      </c>
      <c r="T50" s="191">
        <v>0.40300000000000002</v>
      </c>
      <c r="U50" s="97">
        <v>7.667549268949081E-2</v>
      </c>
      <c r="V50" s="191">
        <v>3.5000000000000003E-2</v>
      </c>
      <c r="W50" s="97">
        <v>3.2831399375547334E-2</v>
      </c>
    </row>
    <row r="51" spans="1:23">
      <c r="A51" s="57" t="s">
        <v>444</v>
      </c>
      <c r="B51" s="188">
        <v>150</v>
      </c>
      <c r="C51" s="84">
        <v>4.74</v>
      </c>
      <c r="D51" s="85">
        <v>0.21559999999999999</v>
      </c>
      <c r="E51" s="190">
        <v>0.154</v>
      </c>
      <c r="F51" s="94">
        <v>5.9526758489127959E-2</v>
      </c>
      <c r="G51" s="190">
        <v>0.19900000000000001</v>
      </c>
      <c r="H51" s="94">
        <v>6.5275524238515875E-2</v>
      </c>
      <c r="I51" s="190">
        <v>0.64600000000000002</v>
      </c>
      <c r="J51" s="94">
        <v>7.7254335201415114E-2</v>
      </c>
      <c r="K51" s="190">
        <v>0</v>
      </c>
      <c r="L51" s="94">
        <v>1.8246757748421008E-2</v>
      </c>
      <c r="M51" s="188">
        <v>151</v>
      </c>
      <c r="N51" s="84">
        <v>4.41</v>
      </c>
      <c r="O51" s="85">
        <v>0.27440000000000003</v>
      </c>
      <c r="P51" s="190">
        <v>0.312</v>
      </c>
      <c r="Q51" s="94">
        <v>7.4739404177940519E-2</v>
      </c>
      <c r="R51" s="190">
        <v>0.193</v>
      </c>
      <c r="S51" s="94">
        <v>6.4368434907491723E-2</v>
      </c>
      <c r="T51" s="190">
        <v>0.48</v>
      </c>
      <c r="U51" s="94">
        <v>8.0260925900322716E-2</v>
      </c>
      <c r="V51" s="190">
        <v>1.4999999999999999E-2</v>
      </c>
      <c r="W51" s="94">
        <v>2.6278406037651813E-2</v>
      </c>
    </row>
    <row r="52" spans="1:23">
      <c r="A52" s="49" t="s">
        <v>451</v>
      </c>
      <c r="B52" s="189">
        <v>91</v>
      </c>
      <c r="C52" s="172">
        <v>3.71</v>
      </c>
      <c r="D52" s="132">
        <v>0.31359999999999999</v>
      </c>
      <c r="E52" s="191">
        <v>0.45</v>
      </c>
      <c r="F52" s="97">
        <v>0.10212605094383179</v>
      </c>
      <c r="G52" s="191">
        <v>0.248</v>
      </c>
      <c r="H52" s="97">
        <v>8.9849259023851449E-2</v>
      </c>
      <c r="I52" s="191">
        <v>0.30099999999999999</v>
      </c>
      <c r="J52" s="97">
        <v>9.4849157650978427E-2</v>
      </c>
      <c r="K52" s="191">
        <v>0</v>
      </c>
      <c r="L52" s="97">
        <v>2.9457850911392545E-2</v>
      </c>
      <c r="M52" s="189">
        <v>92</v>
      </c>
      <c r="N52" s="172">
        <v>3.27</v>
      </c>
      <c r="O52" s="132">
        <v>0.39200000000000002</v>
      </c>
      <c r="P52" s="191">
        <v>0.60199999999999998</v>
      </c>
      <c r="Q52" s="97">
        <v>0.10009265239017298</v>
      </c>
      <c r="R52" s="191">
        <v>5.6000000000000001E-2</v>
      </c>
      <c r="S52" s="97">
        <v>5.3599498598401081E-2</v>
      </c>
      <c r="T52" s="191">
        <v>0.30399999999999999</v>
      </c>
      <c r="U52" s="97">
        <v>9.4586520993763704E-2</v>
      </c>
      <c r="V52" s="191">
        <v>3.7999999999999999E-2</v>
      </c>
      <c r="W52" s="97">
        <v>4.7422057763239246E-2</v>
      </c>
    </row>
    <row r="53" spans="1:23">
      <c r="A53" s="57" t="s">
        <v>452</v>
      </c>
      <c r="B53" s="188">
        <v>321</v>
      </c>
      <c r="C53" s="84">
        <v>4.13</v>
      </c>
      <c r="D53" s="85">
        <v>0.1764</v>
      </c>
      <c r="E53" s="190">
        <v>0.30199999999999999</v>
      </c>
      <c r="F53" s="94">
        <v>5.1051115614345555E-2</v>
      </c>
      <c r="G53" s="190">
        <v>0.23300000000000001</v>
      </c>
      <c r="H53" s="94">
        <v>4.712732440746132E-2</v>
      </c>
      <c r="I53" s="190">
        <v>0.46500000000000002</v>
      </c>
      <c r="J53" s="94">
        <v>5.5337283943693034E-2</v>
      </c>
      <c r="K53" s="190">
        <v>0</v>
      </c>
      <c r="L53" s="94">
        <v>8.676033359059851E-3</v>
      </c>
      <c r="M53" s="188">
        <v>321</v>
      </c>
      <c r="N53" s="84">
        <v>3.17</v>
      </c>
      <c r="O53" s="85">
        <v>0.19600000000000001</v>
      </c>
      <c r="P53" s="190">
        <v>0.55500000000000005</v>
      </c>
      <c r="Q53" s="94">
        <v>5.5141664081762735E-2</v>
      </c>
      <c r="R53" s="190">
        <v>0.158</v>
      </c>
      <c r="S53" s="94">
        <v>4.0897228978537099E-2</v>
      </c>
      <c r="T53" s="190">
        <v>0.24399999999999999</v>
      </c>
      <c r="U53" s="94">
        <v>4.7854557406877163E-2</v>
      </c>
      <c r="V53" s="190">
        <v>4.2000000000000003E-2</v>
      </c>
      <c r="W53" s="94">
        <v>2.3629875910136471E-2</v>
      </c>
    </row>
    <row r="54" spans="1:23">
      <c r="A54" s="49" t="s">
        <v>445</v>
      </c>
      <c r="B54" s="189">
        <v>104</v>
      </c>
      <c r="C54" s="172">
        <v>4</v>
      </c>
      <c r="D54" s="132">
        <v>0.29399999999999998</v>
      </c>
      <c r="E54" s="191">
        <v>0.33800000000000002</v>
      </c>
      <c r="F54" s="97">
        <v>9.1421692862941051E-2</v>
      </c>
      <c r="G54" s="191">
        <v>0.19800000000000001</v>
      </c>
      <c r="H54" s="97">
        <v>7.8274621847324602E-2</v>
      </c>
      <c r="I54" s="191">
        <v>0.46500000000000002</v>
      </c>
      <c r="J54" s="97">
        <v>9.600618428318447E-2</v>
      </c>
      <c r="K54" s="191">
        <v>0</v>
      </c>
      <c r="L54" s="97">
        <v>2.5945514841396074E-2</v>
      </c>
      <c r="M54" s="189">
        <v>104</v>
      </c>
      <c r="N54" s="172">
        <v>2.89</v>
      </c>
      <c r="O54" s="132">
        <v>0.31359999999999999</v>
      </c>
      <c r="P54" s="191">
        <v>0.55900000000000005</v>
      </c>
      <c r="Q54" s="97">
        <v>9.5601812476534431E-2</v>
      </c>
      <c r="R54" s="191">
        <v>0.17599999999999999</v>
      </c>
      <c r="S54" s="97">
        <v>7.5192592227731614E-2</v>
      </c>
      <c r="T54" s="191">
        <v>0.22600000000000001</v>
      </c>
      <c r="U54" s="97">
        <v>8.1736296908920925E-2</v>
      </c>
      <c r="V54" s="191">
        <v>3.9E-2</v>
      </c>
      <c r="W54" s="97">
        <v>4.4275974711988457E-2</v>
      </c>
    </row>
    <row r="55" spans="1:23">
      <c r="A55" s="57" t="s">
        <v>446</v>
      </c>
      <c r="B55" s="188">
        <v>123</v>
      </c>
      <c r="C55" s="84">
        <v>4.26</v>
      </c>
      <c r="D55" s="85">
        <v>0.25480000000000003</v>
      </c>
      <c r="E55" s="190">
        <v>0.25600000000000001</v>
      </c>
      <c r="F55" s="94">
        <v>7.8199268857463436E-2</v>
      </c>
      <c r="G55" s="190">
        <v>0.23499999999999999</v>
      </c>
      <c r="H55" s="94">
        <v>7.6153379978429914E-2</v>
      </c>
      <c r="I55" s="190">
        <v>0.50900000000000001</v>
      </c>
      <c r="J55" s="94">
        <v>8.8722166004183131E-2</v>
      </c>
      <c r="K55" s="190">
        <v>0</v>
      </c>
      <c r="L55" s="94">
        <v>2.2095020994736762E-2</v>
      </c>
      <c r="M55" s="188">
        <v>123</v>
      </c>
      <c r="N55" s="84">
        <v>3.19</v>
      </c>
      <c r="O55" s="85">
        <v>0.3332</v>
      </c>
      <c r="P55" s="190">
        <v>0.53600000000000003</v>
      </c>
      <c r="Q55" s="94">
        <v>8.8519645430315624E-2</v>
      </c>
      <c r="R55" s="190">
        <v>0.156</v>
      </c>
      <c r="S55" s="94">
        <v>6.6166301262753774E-2</v>
      </c>
      <c r="T55" s="190">
        <v>0.24299999999999999</v>
      </c>
      <c r="U55" s="94">
        <v>7.6959145760743614E-2</v>
      </c>
      <c r="V55" s="190">
        <v>6.4000000000000001E-2</v>
      </c>
      <c r="W55" s="94">
        <v>4.7517912270197075E-2</v>
      </c>
    </row>
    <row r="56" spans="1:23">
      <c r="A56" s="49" t="s">
        <v>447</v>
      </c>
      <c r="B56" s="189">
        <v>94</v>
      </c>
      <c r="C56" s="172">
        <v>4.09</v>
      </c>
      <c r="D56" s="132">
        <v>0.3332</v>
      </c>
      <c r="E56" s="191">
        <v>0.32500000000000001</v>
      </c>
      <c r="F56" s="97">
        <v>9.5152719264035096E-2</v>
      </c>
      <c r="G56" s="191">
        <v>0.26800000000000002</v>
      </c>
      <c r="H56" s="97">
        <v>9.0459174829156358E-2</v>
      </c>
      <c r="I56" s="191">
        <v>0.40699999999999997</v>
      </c>
      <c r="J56" s="97">
        <v>9.9394623067331656E-2</v>
      </c>
      <c r="K56" s="191">
        <v>0</v>
      </c>
      <c r="L56" s="97">
        <v>2.8565478049949598E-2</v>
      </c>
      <c r="M56" s="189">
        <v>94</v>
      </c>
      <c r="N56" s="172">
        <v>3.41</v>
      </c>
      <c r="O56" s="132">
        <v>0.39200000000000002</v>
      </c>
      <c r="P56" s="191">
        <v>0.57599999999999996</v>
      </c>
      <c r="Q56" s="97">
        <v>9.9935874857556131E-2</v>
      </c>
      <c r="R56" s="191">
        <v>0.14199999999999999</v>
      </c>
      <c r="S56" s="97">
        <v>7.342491643098531E-2</v>
      </c>
      <c r="T56" s="191">
        <v>0.26400000000000001</v>
      </c>
      <c r="U56" s="97">
        <v>9.0069774367929886E-2</v>
      </c>
      <c r="V56" s="191">
        <v>1.7999999999999999E-2</v>
      </c>
      <c r="W56" s="97">
        <v>3.8467680095376218E-2</v>
      </c>
    </row>
    <row r="57" spans="1:23">
      <c r="A57" s="57" t="s">
        <v>453</v>
      </c>
      <c r="B57" s="188">
        <v>101</v>
      </c>
      <c r="C57" s="84">
        <v>3.91</v>
      </c>
      <c r="D57" s="85">
        <v>0.31359999999999999</v>
      </c>
      <c r="E57" s="190">
        <v>0.38</v>
      </c>
      <c r="F57" s="94">
        <v>9.4953872490144586E-2</v>
      </c>
      <c r="G57" s="190">
        <v>0.255</v>
      </c>
      <c r="H57" s="94">
        <v>8.6070009648230902E-2</v>
      </c>
      <c r="I57" s="190">
        <v>0.36499999999999999</v>
      </c>
      <c r="J57" s="94">
        <v>9.4241255236401408E-2</v>
      </c>
      <c r="K57" s="190">
        <v>0</v>
      </c>
      <c r="L57" s="94">
        <v>2.6679621084077194E-2</v>
      </c>
      <c r="M57" s="188">
        <v>100</v>
      </c>
      <c r="N57" s="84">
        <v>3.54</v>
      </c>
      <c r="O57" s="85">
        <v>0.39200000000000002</v>
      </c>
      <c r="P57" s="190">
        <v>0.46500000000000002</v>
      </c>
      <c r="Q57" s="94">
        <v>9.7835697952279879E-2</v>
      </c>
      <c r="R57" s="190">
        <v>9.7000000000000003E-2</v>
      </c>
      <c r="S57" s="94">
        <v>6.1968897285406256E-2</v>
      </c>
      <c r="T57" s="190">
        <v>0.38500000000000001</v>
      </c>
      <c r="U57" s="94">
        <v>9.5630045182712856E-2</v>
      </c>
      <c r="V57" s="190">
        <v>5.2999999999999999E-2</v>
      </c>
      <c r="W57" s="94">
        <v>5.0101952838163329E-2</v>
      </c>
    </row>
    <row r="58" spans="1:23">
      <c r="A58" s="49" t="s">
        <v>459</v>
      </c>
      <c r="B58" s="189">
        <v>369</v>
      </c>
      <c r="C58" s="172">
        <v>5.12</v>
      </c>
      <c r="D58" s="132">
        <v>0.13720000000000002</v>
      </c>
      <c r="E58" s="191">
        <v>0.11</v>
      </c>
      <c r="F58" s="97">
        <v>3.2934203105079482E-2</v>
      </c>
      <c r="G58" s="191">
        <v>0.14599999999999999</v>
      </c>
      <c r="H58" s="97">
        <v>3.6956220913701085E-2</v>
      </c>
      <c r="I58" s="191">
        <v>0.72899999999999998</v>
      </c>
      <c r="J58" s="97">
        <v>4.6158336792324471E-2</v>
      </c>
      <c r="K58" s="191">
        <v>1.4999999999999999E-2</v>
      </c>
      <c r="L58" s="97">
        <v>1.4569051284850818E-2</v>
      </c>
      <c r="M58" s="189">
        <v>367</v>
      </c>
      <c r="N58" s="172">
        <v>5.49</v>
      </c>
      <c r="O58" s="132">
        <v>0.1764</v>
      </c>
      <c r="P58" s="191">
        <v>9.8000000000000004E-2</v>
      </c>
      <c r="Q58" s="97">
        <v>3.1471021506785261E-2</v>
      </c>
      <c r="R58" s="191">
        <v>0.10299999999999999</v>
      </c>
      <c r="S58" s="97">
        <v>3.2133692363495947E-2</v>
      </c>
      <c r="T58" s="191">
        <v>0.78800000000000003</v>
      </c>
      <c r="U58" s="97">
        <v>4.2665237127652439E-2</v>
      </c>
      <c r="V58" s="191">
        <v>1.0999999999999999E-2</v>
      </c>
      <c r="W58" s="97">
        <v>1.3137240124764273E-2</v>
      </c>
    </row>
    <row r="61" spans="1:23" ht="18.75">
      <c r="A61" s="321" t="s">
        <v>50</v>
      </c>
      <c r="B61" s="321"/>
      <c r="C61" s="321"/>
      <c r="D61" s="321"/>
      <c r="E61" s="321"/>
      <c r="F61" s="321"/>
      <c r="G61" s="321"/>
      <c r="H61" s="321"/>
      <c r="I61" s="321"/>
      <c r="J61" s="321"/>
      <c r="K61" s="321"/>
      <c r="L61" s="321"/>
      <c r="M61" s="321"/>
      <c r="N61" s="321"/>
      <c r="O61" s="321"/>
      <c r="P61" s="321"/>
      <c r="Q61" s="321"/>
      <c r="R61" s="321"/>
      <c r="S61" s="321"/>
      <c r="T61" s="321"/>
      <c r="U61" s="321"/>
      <c r="V61" s="321"/>
      <c r="W61" s="321"/>
    </row>
    <row r="62" spans="1:23" ht="38.25" customHeight="1">
      <c r="A62" s="389" t="s">
        <v>503</v>
      </c>
      <c r="B62" s="389"/>
      <c r="C62" s="389"/>
      <c r="D62" s="389"/>
      <c r="E62" s="389"/>
      <c r="F62" s="389"/>
      <c r="G62" s="389"/>
      <c r="H62" s="389"/>
      <c r="I62" s="389"/>
      <c r="J62" s="389"/>
      <c r="K62" s="389"/>
      <c r="L62" s="389"/>
      <c r="M62" s="389"/>
      <c r="N62" s="389"/>
      <c r="O62" s="389"/>
      <c r="P62" s="389"/>
      <c r="Q62" s="389"/>
      <c r="R62" s="389"/>
      <c r="S62" s="389"/>
      <c r="T62" s="389"/>
      <c r="U62" s="389"/>
      <c r="V62" s="389"/>
      <c r="W62" s="389"/>
    </row>
    <row r="63" spans="1:23" ht="37.5" customHeight="1">
      <c r="A63" s="64"/>
      <c r="B63" s="364" t="s">
        <v>273</v>
      </c>
      <c r="C63" s="365"/>
      <c r="D63" s="365"/>
      <c r="E63" s="365"/>
      <c r="F63" s="365"/>
      <c r="G63" s="365"/>
      <c r="H63" s="365"/>
      <c r="I63" s="365"/>
      <c r="J63" s="365"/>
      <c r="K63" s="365"/>
      <c r="L63" s="366"/>
      <c r="M63" s="364" t="s">
        <v>274</v>
      </c>
      <c r="N63" s="365"/>
      <c r="O63" s="365"/>
      <c r="P63" s="365"/>
      <c r="Q63" s="365"/>
      <c r="R63" s="365"/>
      <c r="S63" s="365"/>
      <c r="T63" s="365"/>
      <c r="U63" s="365"/>
      <c r="V63" s="365"/>
      <c r="W63" s="366"/>
    </row>
    <row r="64" spans="1:23" ht="39" customHeight="1">
      <c r="A64" s="37" t="s">
        <v>85</v>
      </c>
      <c r="B64" s="38" t="s">
        <v>86</v>
      </c>
      <c r="C64" s="39" t="s">
        <v>87</v>
      </c>
      <c r="D64" s="40" t="s">
        <v>88</v>
      </c>
      <c r="E64" s="38" t="s">
        <v>367</v>
      </c>
      <c r="F64" s="89" t="s">
        <v>162</v>
      </c>
      <c r="G64" s="38" t="s">
        <v>368</v>
      </c>
      <c r="H64" s="89" t="s">
        <v>163</v>
      </c>
      <c r="I64" s="38" t="s">
        <v>369</v>
      </c>
      <c r="J64" s="89" t="s">
        <v>136</v>
      </c>
      <c r="K64" s="38" t="s">
        <v>356</v>
      </c>
      <c r="L64" s="89" t="s">
        <v>370</v>
      </c>
      <c r="M64" s="65" t="s">
        <v>86</v>
      </c>
      <c r="N64" s="66" t="s">
        <v>87</v>
      </c>
      <c r="O64" s="67" t="s">
        <v>88</v>
      </c>
      <c r="P64" s="65" t="s">
        <v>403</v>
      </c>
      <c r="Q64" s="88" t="s">
        <v>404</v>
      </c>
      <c r="R64" s="65" t="s">
        <v>405</v>
      </c>
      <c r="S64" s="88" t="s">
        <v>406</v>
      </c>
      <c r="T64" s="65" t="s">
        <v>354</v>
      </c>
      <c r="U64" s="88" t="s">
        <v>407</v>
      </c>
      <c r="V64" s="65" t="s">
        <v>356</v>
      </c>
      <c r="W64" s="88" t="s">
        <v>370</v>
      </c>
    </row>
    <row r="65" spans="1:23" ht="72">
      <c r="A65" s="41"/>
      <c r="B65" s="42" t="s">
        <v>89</v>
      </c>
      <c r="C65" s="128" t="s">
        <v>359</v>
      </c>
      <c r="D65" s="44" t="s">
        <v>91</v>
      </c>
      <c r="E65" s="42" t="s">
        <v>181</v>
      </c>
      <c r="F65" s="91" t="s">
        <v>104</v>
      </c>
      <c r="G65" s="42" t="s">
        <v>182</v>
      </c>
      <c r="H65" s="91" t="s">
        <v>104</v>
      </c>
      <c r="I65" s="42" t="s">
        <v>183</v>
      </c>
      <c r="J65" s="91" t="s">
        <v>104</v>
      </c>
      <c r="K65" s="42" t="s">
        <v>356</v>
      </c>
      <c r="L65" s="91" t="s">
        <v>104</v>
      </c>
      <c r="M65" s="68" t="s">
        <v>89</v>
      </c>
      <c r="N65" s="273" t="s">
        <v>359</v>
      </c>
      <c r="O65" s="70" t="s">
        <v>91</v>
      </c>
      <c r="P65" s="68" t="s">
        <v>181</v>
      </c>
      <c r="Q65" s="90" t="s">
        <v>104</v>
      </c>
      <c r="R65" s="68" t="s">
        <v>182</v>
      </c>
      <c r="S65" s="90" t="s">
        <v>104</v>
      </c>
      <c r="T65" s="68" t="s">
        <v>183</v>
      </c>
      <c r="U65" s="90" t="s">
        <v>104</v>
      </c>
      <c r="V65" s="68" t="s">
        <v>356</v>
      </c>
      <c r="W65" s="90" t="s">
        <v>104</v>
      </c>
    </row>
    <row r="66" spans="1:23">
      <c r="A66" s="45" t="s">
        <v>434</v>
      </c>
      <c r="B66" s="188">
        <v>10974</v>
      </c>
      <c r="C66" s="84">
        <v>5.05</v>
      </c>
      <c r="D66" s="85">
        <v>3.9199999999999999E-2</v>
      </c>
      <c r="E66" s="190">
        <v>0.17299999999999999</v>
      </c>
      <c r="F66" s="94">
        <v>7.2220817888584603E-3</v>
      </c>
      <c r="G66" s="190">
        <v>0.15</v>
      </c>
      <c r="H66" s="94">
        <v>6.8182893901301313E-3</v>
      </c>
      <c r="I66" s="190">
        <v>0.66600000000000004</v>
      </c>
      <c r="J66" s="94">
        <v>9.0032296634387169E-3</v>
      </c>
      <c r="K66" s="190">
        <v>1.2E-2</v>
      </c>
      <c r="L66" s="94">
        <v>2.0935935476015023E-3</v>
      </c>
      <c r="M66" s="188">
        <v>11021</v>
      </c>
      <c r="N66" s="84">
        <v>3.66</v>
      </c>
      <c r="O66" s="85">
        <v>3.9199999999999999E-2</v>
      </c>
      <c r="P66" s="190">
        <v>0.16900000000000001</v>
      </c>
      <c r="Q66" s="94">
        <v>7.140151503402874E-3</v>
      </c>
      <c r="R66" s="190">
        <v>0.34299999999999997</v>
      </c>
      <c r="S66" s="94">
        <v>9.0424824045543337E-3</v>
      </c>
      <c r="T66" s="190">
        <v>0.46899999999999997</v>
      </c>
      <c r="U66" s="94">
        <v>9.5055004426834646E-3</v>
      </c>
      <c r="V66" s="190">
        <v>1.9E-2</v>
      </c>
      <c r="W66" s="94">
        <v>2.6121537351062162E-3</v>
      </c>
    </row>
    <row r="67" spans="1:23">
      <c r="A67" s="49" t="s">
        <v>435</v>
      </c>
      <c r="B67" s="49">
        <v>8828</v>
      </c>
      <c r="C67" s="172">
        <v>4.8899999999999997</v>
      </c>
      <c r="D67" s="132">
        <v>3.9199999999999999E-2</v>
      </c>
      <c r="E67" s="191">
        <v>0.20799999999999999</v>
      </c>
      <c r="F67" s="97">
        <v>8.6396565869103596E-3</v>
      </c>
      <c r="G67" s="191">
        <v>0.16</v>
      </c>
      <c r="H67" s="97">
        <v>7.8049328985811709E-3</v>
      </c>
      <c r="I67" s="191">
        <v>0.625</v>
      </c>
      <c r="J67" s="97">
        <v>1.0303130897152412E-2</v>
      </c>
      <c r="K67" s="191">
        <v>7.0000000000000001E-3</v>
      </c>
      <c r="L67" s="97">
        <v>1.8021604418710663E-3</v>
      </c>
      <c r="M67" s="49">
        <v>8875</v>
      </c>
      <c r="N67" s="172">
        <v>3.64</v>
      </c>
      <c r="O67" s="132">
        <v>3.9199999999999999E-2</v>
      </c>
      <c r="P67" s="191">
        <v>0.18</v>
      </c>
      <c r="Q67" s="97">
        <v>8.1569313846374756E-3</v>
      </c>
      <c r="R67" s="191">
        <v>0.31899999999999995</v>
      </c>
      <c r="S67" s="97">
        <v>9.8934180736553867E-3</v>
      </c>
      <c r="T67" s="191">
        <v>0.495</v>
      </c>
      <c r="U67" s="97">
        <v>1.0611976406735786E-2</v>
      </c>
      <c r="V67" s="191">
        <v>7.0000000000000001E-3</v>
      </c>
      <c r="W67" s="97">
        <v>1.797238361110935E-3</v>
      </c>
    </row>
    <row r="68" spans="1:23">
      <c r="A68" s="45" t="s">
        <v>436</v>
      </c>
      <c r="B68" s="53">
        <v>1981</v>
      </c>
      <c r="C68" s="84">
        <v>5.38</v>
      </c>
      <c r="D68" s="85">
        <v>5.8799999999999998E-2</v>
      </c>
      <c r="E68" s="190">
        <v>0.1065</v>
      </c>
      <c r="F68" s="94">
        <v>1.3892800854297369E-2</v>
      </c>
      <c r="G68" s="190">
        <v>0.13109999999999999</v>
      </c>
      <c r="H68" s="94">
        <v>1.5187207907680907E-2</v>
      </c>
      <c r="I68" s="190">
        <v>0.74199999999999999</v>
      </c>
      <c r="J68" s="94">
        <v>1.96529992525457E-2</v>
      </c>
      <c r="K68" s="190">
        <v>2.0400000000000001E-2</v>
      </c>
      <c r="L68" s="94">
        <v>6.4912144846174221E-3</v>
      </c>
      <c r="M68" s="53">
        <v>1984</v>
      </c>
      <c r="N68" s="84">
        <v>3.65</v>
      </c>
      <c r="O68" s="85">
        <v>7.8399999999999997E-2</v>
      </c>
      <c r="P68" s="190">
        <v>0.15229999999999999</v>
      </c>
      <c r="Q68" s="94">
        <v>1.6147628833673031E-2</v>
      </c>
      <c r="R68" s="190">
        <v>0.36819999999999997</v>
      </c>
      <c r="S68" s="94">
        <v>2.163807816512426E-2</v>
      </c>
      <c r="T68" s="190">
        <v>0.44189999999999996</v>
      </c>
      <c r="U68" s="94">
        <v>2.2276746647629256E-2</v>
      </c>
      <c r="V68" s="190">
        <v>3.7499999999999999E-2</v>
      </c>
      <c r="W68" s="94">
        <v>8.6228457202624908E-3</v>
      </c>
    </row>
    <row r="69" spans="1:23">
      <c r="A69" s="49" t="s">
        <v>437</v>
      </c>
      <c r="B69" s="49">
        <v>3062</v>
      </c>
      <c r="C69" s="172">
        <v>5.13</v>
      </c>
      <c r="D69" s="132">
        <v>5.8799999999999998E-2</v>
      </c>
      <c r="E69" s="191">
        <v>0.16900000000000001</v>
      </c>
      <c r="F69" s="97">
        <v>1.3549680853591596E-2</v>
      </c>
      <c r="G69" s="191">
        <v>0.13600000000000001</v>
      </c>
      <c r="H69" s="97">
        <v>1.2399602890049944E-2</v>
      </c>
      <c r="I69" s="191">
        <v>0.68400000000000005</v>
      </c>
      <c r="J69" s="97">
        <v>1.6795935021333738E-2</v>
      </c>
      <c r="K69" s="191">
        <v>1.2E-2</v>
      </c>
      <c r="L69" s="97">
        <v>4.0345822378799563E-3</v>
      </c>
      <c r="M69" s="49">
        <v>3076</v>
      </c>
      <c r="N69" s="172">
        <v>3.57</v>
      </c>
      <c r="O69" s="132">
        <v>5.8799999999999998E-2</v>
      </c>
      <c r="P69" s="191">
        <v>0.16700000000000001</v>
      </c>
      <c r="Q69" s="97">
        <v>1.3455015786062481E-2</v>
      </c>
      <c r="R69" s="191">
        <v>0.33</v>
      </c>
      <c r="S69" s="97">
        <v>1.6948164525054401E-2</v>
      </c>
      <c r="T69" s="191">
        <v>0.48599999999999999</v>
      </c>
      <c r="U69" s="97">
        <v>1.8011702860875795E-2</v>
      </c>
      <c r="V69" s="191">
        <v>1.6E-2</v>
      </c>
      <c r="W69" s="97">
        <v>4.6083016620933545E-3</v>
      </c>
    </row>
    <row r="70" spans="1:23">
      <c r="A70" s="45" t="s">
        <v>438</v>
      </c>
      <c r="B70" s="53">
        <v>2471</v>
      </c>
      <c r="C70" s="84">
        <v>4.97</v>
      </c>
      <c r="D70" s="85">
        <v>7.8399999999999997E-2</v>
      </c>
      <c r="E70" s="190">
        <v>0.21299999999999999</v>
      </c>
      <c r="F70" s="94">
        <v>1.647266621590596E-2</v>
      </c>
      <c r="G70" s="190">
        <v>0.13600000000000001</v>
      </c>
      <c r="H70" s="94">
        <v>1.3805688994095991E-2</v>
      </c>
      <c r="I70" s="190">
        <v>0.64200000000000002</v>
      </c>
      <c r="J70" s="94">
        <v>1.927582350915049E-2</v>
      </c>
      <c r="K70" s="190">
        <v>8.0000000000000002E-3</v>
      </c>
      <c r="L70" s="94">
        <v>3.7535807712134697E-3</v>
      </c>
      <c r="M70" s="53">
        <v>2485</v>
      </c>
      <c r="N70" s="84">
        <v>3.46</v>
      </c>
      <c r="O70" s="85">
        <v>7.8399999999999997E-2</v>
      </c>
      <c r="P70" s="190">
        <v>0.16300000000000001</v>
      </c>
      <c r="Q70" s="94">
        <v>1.4827018305993167E-2</v>
      </c>
      <c r="R70" s="190">
        <v>0.30599999999999999</v>
      </c>
      <c r="S70" s="94">
        <v>1.8479131389615589E-2</v>
      </c>
      <c r="T70" s="190">
        <v>0.52400000000000002</v>
      </c>
      <c r="U70" s="94">
        <v>2.0021115805993292E-2</v>
      </c>
      <c r="V70" s="190">
        <v>8.0000000000000002E-3</v>
      </c>
      <c r="W70" s="94">
        <v>3.7420660305171943E-3</v>
      </c>
    </row>
    <row r="71" spans="1:23">
      <c r="A71" s="49" t="s">
        <v>449</v>
      </c>
      <c r="B71" s="49">
        <v>289</v>
      </c>
      <c r="C71" s="172">
        <v>5.59</v>
      </c>
      <c r="D71" s="132">
        <v>0.19600000000000001</v>
      </c>
      <c r="E71" s="191">
        <v>0.113</v>
      </c>
      <c r="F71" s="97">
        <v>3.7733092267262479E-2</v>
      </c>
      <c r="G71" s="191">
        <v>0.11899999999999999</v>
      </c>
      <c r="H71" s="97">
        <v>3.8535544705865635E-2</v>
      </c>
      <c r="I71" s="191">
        <v>0.754</v>
      </c>
      <c r="J71" s="97">
        <v>5.0557776893254983E-2</v>
      </c>
      <c r="K71" s="191">
        <v>1.4999999999999999E-2</v>
      </c>
      <c r="L71" s="97">
        <v>1.6993749435959025E-2</v>
      </c>
      <c r="M71" s="49">
        <v>295</v>
      </c>
      <c r="N71" s="172">
        <v>3.47</v>
      </c>
      <c r="O71" s="132">
        <v>0.19600000000000001</v>
      </c>
      <c r="P71" s="191">
        <v>0.17899999999999999</v>
      </c>
      <c r="Q71" s="97">
        <v>4.4750891128702529E-2</v>
      </c>
      <c r="R71" s="191">
        <v>0.25900000000000001</v>
      </c>
      <c r="S71" s="97">
        <v>5.0873653186763686E-2</v>
      </c>
      <c r="T71" s="191">
        <v>0.54699999999999993</v>
      </c>
      <c r="U71" s="97">
        <v>5.7582246931615899E-2</v>
      </c>
      <c r="V71" s="191">
        <v>1.4999999999999999E-2</v>
      </c>
      <c r="W71" s="97">
        <v>1.6771750226000321E-2</v>
      </c>
    </row>
    <row r="72" spans="1:23">
      <c r="A72" s="45" t="s">
        <v>439</v>
      </c>
      <c r="B72" s="53">
        <v>145</v>
      </c>
      <c r="C72" s="84">
        <v>6.05</v>
      </c>
      <c r="D72" s="85">
        <v>0.23519999999999999</v>
      </c>
      <c r="E72" s="190">
        <v>5.8000000000000003E-2</v>
      </c>
      <c r="F72" s="94">
        <v>4.1767829289079489E-2</v>
      </c>
      <c r="G72" s="190">
        <v>5.8000000000000003E-2</v>
      </c>
      <c r="H72" s="94">
        <v>4.1767829289079489E-2</v>
      </c>
      <c r="I72" s="190">
        <v>0.878</v>
      </c>
      <c r="J72" s="94">
        <v>5.5486777998192204E-2</v>
      </c>
      <c r="K72" s="190">
        <v>7.0000000000000001E-3</v>
      </c>
      <c r="L72" s="94">
        <v>2.3070041108006305E-2</v>
      </c>
      <c r="M72" s="53">
        <v>146</v>
      </c>
      <c r="N72" s="84">
        <v>3.51</v>
      </c>
      <c r="O72" s="85">
        <v>0.25480000000000003</v>
      </c>
      <c r="P72" s="190">
        <v>0.16600000000000001</v>
      </c>
      <c r="Q72" s="94">
        <v>6.2035328563052897E-2</v>
      </c>
      <c r="R72" s="190">
        <v>0.30199999999999999</v>
      </c>
      <c r="S72" s="94">
        <v>7.5340825869289932E-2</v>
      </c>
      <c r="T72" s="190">
        <v>0.52600000000000002</v>
      </c>
      <c r="U72" s="94">
        <v>8.1545009677228317E-2</v>
      </c>
      <c r="V72" s="190">
        <v>7.0000000000000001E-3</v>
      </c>
      <c r="W72" s="94">
        <v>2.2943861046120891E-2</v>
      </c>
    </row>
    <row r="73" spans="1:23">
      <c r="A73" s="49" t="s">
        <v>440</v>
      </c>
      <c r="B73" s="49">
        <v>90</v>
      </c>
      <c r="C73" s="172">
        <v>4.34</v>
      </c>
      <c r="D73" s="132">
        <v>0.3528</v>
      </c>
      <c r="E73" s="191">
        <v>0.28000000000000003</v>
      </c>
      <c r="F73" s="97">
        <v>9.3542914823055032E-2</v>
      </c>
      <c r="G73" s="191">
        <v>0.26500000000000001</v>
      </c>
      <c r="H73" s="97">
        <v>9.2108862511657855E-2</v>
      </c>
      <c r="I73" s="191">
        <v>0.45500000000000002</v>
      </c>
      <c r="J73" s="97">
        <v>0.10275848023357248</v>
      </c>
      <c r="K73" s="191">
        <v>0</v>
      </c>
      <c r="L73" s="97">
        <v>2.976782656907849E-2</v>
      </c>
      <c r="M73" s="49">
        <v>94</v>
      </c>
      <c r="N73" s="172">
        <v>3.28</v>
      </c>
      <c r="O73" s="132">
        <v>0.37240000000000001</v>
      </c>
      <c r="P73" s="191">
        <v>0.14099999999999999</v>
      </c>
      <c r="Q73" s="97">
        <v>7.3241335980173197E-2</v>
      </c>
      <c r="R73" s="191">
        <v>0.247</v>
      </c>
      <c r="S73" s="97">
        <v>8.8319824029168423E-2</v>
      </c>
      <c r="T73" s="191">
        <v>0.61</v>
      </c>
      <c r="U73" s="97">
        <v>9.8740558181457563E-2</v>
      </c>
      <c r="V73" s="191">
        <v>0</v>
      </c>
      <c r="W73" s="97">
        <v>2.8565478049949598E-2</v>
      </c>
    </row>
    <row r="74" spans="1:23">
      <c r="A74" s="45" t="s">
        <v>475</v>
      </c>
      <c r="B74" s="53">
        <v>266</v>
      </c>
      <c r="C74" s="84">
        <v>4.34</v>
      </c>
      <c r="D74" s="85">
        <v>0.21559999999999999</v>
      </c>
      <c r="E74" s="190">
        <v>0.34899999999999998</v>
      </c>
      <c r="F74" s="94">
        <v>5.8102027866756376E-2</v>
      </c>
      <c r="G74" s="190">
        <v>0.151</v>
      </c>
      <c r="H74" s="94">
        <v>4.4184995909664425E-2</v>
      </c>
      <c r="I74" s="190">
        <v>0.499</v>
      </c>
      <c r="J74" s="94">
        <v>6.0857943808469477E-2</v>
      </c>
      <c r="K74" s="190">
        <v>0</v>
      </c>
      <c r="L74" s="94">
        <v>1.0436785174747231E-2</v>
      </c>
      <c r="M74" s="53">
        <v>266</v>
      </c>
      <c r="N74" s="84">
        <v>3.78</v>
      </c>
      <c r="O74" s="85">
        <v>0.23519999999999999</v>
      </c>
      <c r="P74" s="190">
        <v>0.21099999999999999</v>
      </c>
      <c r="Q74" s="94">
        <v>5.0027453975772886E-2</v>
      </c>
      <c r="R74" s="190">
        <v>0.34299999999999997</v>
      </c>
      <c r="S74" s="94">
        <v>5.7872904273304611E-2</v>
      </c>
      <c r="T74" s="190">
        <v>0.44499999999999995</v>
      </c>
      <c r="U74" s="94">
        <v>6.0499643795271826E-2</v>
      </c>
      <c r="V74" s="190">
        <v>0</v>
      </c>
      <c r="W74" s="94">
        <v>1.0436785174747231E-2</v>
      </c>
    </row>
    <row r="75" spans="1:23">
      <c r="A75" s="49" t="s">
        <v>441</v>
      </c>
      <c r="B75" s="49">
        <v>83</v>
      </c>
      <c r="C75" s="172">
        <v>3.36</v>
      </c>
      <c r="D75" s="132">
        <v>0.3528</v>
      </c>
      <c r="E75" s="191">
        <v>0.59199999999999997</v>
      </c>
      <c r="F75" s="97">
        <v>0.10554650485029718</v>
      </c>
      <c r="G75" s="191">
        <v>0.16200000000000001</v>
      </c>
      <c r="H75" s="97">
        <v>8.1936251266490359E-2</v>
      </c>
      <c r="I75" s="191">
        <v>0.247</v>
      </c>
      <c r="J75" s="97">
        <v>9.3891984247735663E-2</v>
      </c>
      <c r="K75" s="191">
        <v>0</v>
      </c>
      <c r="L75" s="97">
        <v>3.2134798233390625E-2</v>
      </c>
      <c r="M75" s="49">
        <v>83</v>
      </c>
      <c r="N75" s="172">
        <v>4.7</v>
      </c>
      <c r="O75" s="132">
        <v>0.39200000000000002</v>
      </c>
      <c r="P75" s="191">
        <v>0.34499999999999997</v>
      </c>
      <c r="Q75" s="97">
        <v>0.10241529369024732</v>
      </c>
      <c r="R75" s="191">
        <v>0.433</v>
      </c>
      <c r="S75" s="97">
        <v>0.10633157690549502</v>
      </c>
      <c r="T75" s="191">
        <v>0.222</v>
      </c>
      <c r="U75" s="97">
        <v>9.0885605799621128E-2</v>
      </c>
      <c r="V75" s="191">
        <v>0</v>
      </c>
      <c r="W75" s="97">
        <v>3.2134798233390625E-2</v>
      </c>
    </row>
    <row r="76" spans="1:23" ht="25.5">
      <c r="A76" s="45" t="s">
        <v>442</v>
      </c>
      <c r="B76" s="188">
        <v>108</v>
      </c>
      <c r="C76" s="84">
        <v>4.43</v>
      </c>
      <c r="D76" s="85">
        <v>0.3332</v>
      </c>
      <c r="E76" s="190">
        <v>0.35599999999999998</v>
      </c>
      <c r="F76" s="94">
        <v>9.0774188802597841E-2</v>
      </c>
      <c r="G76" s="190">
        <v>0.158</v>
      </c>
      <c r="H76" s="94">
        <v>7.1023482699401522E-2</v>
      </c>
      <c r="I76" s="190">
        <v>0.48499999999999999</v>
      </c>
      <c r="J76" s="94">
        <v>9.4451571952201954E-2</v>
      </c>
      <c r="K76" s="190">
        <v>0</v>
      </c>
      <c r="L76" s="94">
        <v>2.5027317436669111E-2</v>
      </c>
      <c r="M76" s="188">
        <v>108</v>
      </c>
      <c r="N76" s="84">
        <v>3.59</v>
      </c>
      <c r="O76" s="85">
        <v>0.3332</v>
      </c>
      <c r="P76" s="190">
        <v>0.18099999999999999</v>
      </c>
      <c r="Q76" s="94">
        <v>7.4493011576174356E-2</v>
      </c>
      <c r="R76" s="190">
        <v>0.29399999999999998</v>
      </c>
      <c r="S76" s="94">
        <v>8.6714024097712464E-2</v>
      </c>
      <c r="T76" s="190">
        <v>0.52400000000000002</v>
      </c>
      <c r="U76" s="94">
        <v>9.4389846639816338E-2</v>
      </c>
      <c r="V76" s="190">
        <v>1E-3</v>
      </c>
      <c r="W76" s="94">
        <v>2.5681554246161628E-2</v>
      </c>
    </row>
    <row r="77" spans="1:23">
      <c r="A77" s="49" t="s">
        <v>462</v>
      </c>
      <c r="B77" s="189">
        <v>71</v>
      </c>
      <c r="C77" s="172">
        <v>5.24</v>
      </c>
      <c r="D77" s="132">
        <v>0.39200000000000002</v>
      </c>
      <c r="E77" s="191">
        <v>0.1</v>
      </c>
      <c r="F77" s="97">
        <v>7.5405236088945643E-2</v>
      </c>
      <c r="G77" s="191">
        <v>0.13900000000000001</v>
      </c>
      <c r="H77" s="97">
        <v>8.4288145729506464E-2</v>
      </c>
      <c r="I77" s="191">
        <v>0.76100000000000001</v>
      </c>
      <c r="J77" s="97">
        <v>0.1003863134363113</v>
      </c>
      <c r="K77" s="191">
        <v>0</v>
      </c>
      <c r="L77" s="97">
        <v>3.7206132509255738E-2</v>
      </c>
      <c r="M77" s="189">
        <v>71</v>
      </c>
      <c r="N77" s="172">
        <v>3.02</v>
      </c>
      <c r="O77" s="132">
        <v>0.41159999999999997</v>
      </c>
      <c r="P77" s="191">
        <v>9.0999999999999998E-2</v>
      </c>
      <c r="Q77" s="97">
        <v>7.3061247422713513E-2</v>
      </c>
      <c r="R77" s="191">
        <v>0.31900000000000001</v>
      </c>
      <c r="S77" s="97">
        <v>0.10847803337013376</v>
      </c>
      <c r="T77" s="191">
        <v>0.59099999999999997</v>
      </c>
      <c r="U77" s="97">
        <v>0.11374327861688584</v>
      </c>
      <c r="V77" s="191">
        <v>0</v>
      </c>
      <c r="W77" s="97">
        <v>3.7206132509255738E-2</v>
      </c>
    </row>
    <row r="78" spans="1:23">
      <c r="A78" s="45" t="s">
        <v>450</v>
      </c>
      <c r="B78" s="54">
        <v>310</v>
      </c>
      <c r="C78" s="84">
        <v>5.0999999999999996</v>
      </c>
      <c r="D78" s="85">
        <v>0.1764</v>
      </c>
      <c r="E78" s="190">
        <v>0.20200000000000001</v>
      </c>
      <c r="F78" s="94">
        <v>4.5629930857953173E-2</v>
      </c>
      <c r="G78" s="190">
        <v>0.10299999999999999</v>
      </c>
      <c r="H78" s="94">
        <v>3.5039729841653669E-2</v>
      </c>
      <c r="I78" s="190">
        <v>0.67900000000000005</v>
      </c>
      <c r="J78" s="94">
        <v>5.2790914539726168E-2</v>
      </c>
      <c r="K78" s="190">
        <v>1.4999999999999999E-2</v>
      </c>
      <c r="L78" s="94">
        <v>1.625035881881964E-2</v>
      </c>
      <c r="M78" s="54">
        <v>311</v>
      </c>
      <c r="N78" s="84">
        <v>3.22</v>
      </c>
      <c r="O78" s="85">
        <v>0.19600000000000001</v>
      </c>
      <c r="P78" s="190">
        <v>0.107</v>
      </c>
      <c r="Q78" s="94">
        <v>3.5536452902123553E-2</v>
      </c>
      <c r="R78" s="190">
        <v>0.34399999999999997</v>
      </c>
      <c r="S78" s="94">
        <v>5.3603853565634511E-2</v>
      </c>
      <c r="T78" s="190">
        <v>0.53200000000000003</v>
      </c>
      <c r="U78" s="94">
        <v>5.623102473365741E-2</v>
      </c>
      <c r="V78" s="190">
        <v>1.7000000000000001E-2</v>
      </c>
      <c r="W78" s="94">
        <v>1.6939924559799868E-2</v>
      </c>
    </row>
    <row r="79" spans="1:23">
      <c r="A79" s="49" t="s">
        <v>443</v>
      </c>
      <c r="B79" s="189">
        <v>159</v>
      </c>
      <c r="C79" s="172">
        <v>5.08</v>
      </c>
      <c r="D79" s="132">
        <v>0.27440000000000003</v>
      </c>
      <c r="E79" s="191">
        <v>0.20100000000000001</v>
      </c>
      <c r="F79" s="97">
        <v>6.3619447842694854E-2</v>
      </c>
      <c r="G79" s="191">
        <v>0.08</v>
      </c>
      <c r="H79" s="97">
        <v>4.4899735511732722E-2</v>
      </c>
      <c r="I79" s="191">
        <v>0.68300000000000005</v>
      </c>
      <c r="J79" s="97">
        <v>7.3164151039166667E-2</v>
      </c>
      <c r="K79" s="191">
        <v>3.5999999999999997E-2</v>
      </c>
      <c r="L79" s="97">
        <v>3.328295586010601E-2</v>
      </c>
      <c r="M79" s="189">
        <v>160</v>
      </c>
      <c r="N79" s="172">
        <v>3.26</v>
      </c>
      <c r="O79" s="132">
        <v>0.27440000000000003</v>
      </c>
      <c r="P79" s="191">
        <v>0.123</v>
      </c>
      <c r="Q79" s="97">
        <v>5.2896486969783094E-2</v>
      </c>
      <c r="R79" s="191">
        <v>0.309</v>
      </c>
      <c r="S79" s="97">
        <v>7.2461404194686094E-2</v>
      </c>
      <c r="T79" s="191">
        <v>0.52800000000000002</v>
      </c>
      <c r="U79" s="97">
        <v>7.7970253476282406E-2</v>
      </c>
      <c r="V79" s="191">
        <v>4.1000000000000002E-2</v>
      </c>
      <c r="W79" s="97">
        <v>3.4736215443110188E-2</v>
      </c>
    </row>
    <row r="80" spans="1:23">
      <c r="A80" s="57" t="s">
        <v>444</v>
      </c>
      <c r="B80" s="188">
        <v>151</v>
      </c>
      <c r="C80" s="84">
        <v>5.1100000000000003</v>
      </c>
      <c r="D80" s="85">
        <v>0.23519999999999999</v>
      </c>
      <c r="E80" s="190">
        <v>0.20300000000000001</v>
      </c>
      <c r="F80" s="94">
        <v>6.5507444102602272E-2</v>
      </c>
      <c r="G80" s="190">
        <v>0.12</v>
      </c>
      <c r="H80" s="94">
        <v>5.3990856270673487E-2</v>
      </c>
      <c r="I80" s="190">
        <v>0.67700000000000005</v>
      </c>
      <c r="J80" s="94">
        <v>7.5394380962658658E-2</v>
      </c>
      <c r="K80" s="190">
        <v>0</v>
      </c>
      <c r="L80" s="94">
        <v>1.8129806198091857E-2</v>
      </c>
      <c r="M80" s="188">
        <v>151</v>
      </c>
      <c r="N80" s="84">
        <v>3.19</v>
      </c>
      <c r="O80" s="85">
        <v>0.25480000000000003</v>
      </c>
      <c r="P80" s="190">
        <v>9.5000000000000001E-2</v>
      </c>
      <c r="Q80" s="94">
        <v>4.9339265326416804E-2</v>
      </c>
      <c r="R80" s="190">
        <v>0.37</v>
      </c>
      <c r="S80" s="94">
        <v>7.7702659583618452E-2</v>
      </c>
      <c r="T80" s="190">
        <v>0.53600000000000003</v>
      </c>
      <c r="U80" s="94">
        <v>8.0124101681304224E-2</v>
      </c>
      <c r="V80" s="190">
        <v>0</v>
      </c>
      <c r="W80" s="94">
        <v>1.8129806198091857E-2</v>
      </c>
    </row>
    <row r="81" spans="1:32">
      <c r="A81" s="49" t="s">
        <v>451</v>
      </c>
      <c r="B81" s="189">
        <v>92</v>
      </c>
      <c r="C81" s="172">
        <v>5.67</v>
      </c>
      <c r="D81" s="132">
        <v>0.3332</v>
      </c>
      <c r="E81" s="191">
        <v>0.10299999999999999</v>
      </c>
      <c r="F81" s="97">
        <v>6.6222936798495974E-2</v>
      </c>
      <c r="G81" s="191">
        <v>0.14199999999999999</v>
      </c>
      <c r="H81" s="97">
        <v>7.4244479701885607E-2</v>
      </c>
      <c r="I81" s="191">
        <v>0.74099999999999999</v>
      </c>
      <c r="J81" s="97">
        <v>9.0521233297287979E-2</v>
      </c>
      <c r="K81" s="191">
        <v>1.4E-2</v>
      </c>
      <c r="L81" s="97">
        <v>3.7124193313345766E-2</v>
      </c>
      <c r="M81" s="189">
        <v>92</v>
      </c>
      <c r="N81" s="172">
        <v>3.27</v>
      </c>
      <c r="O81" s="132">
        <v>0.31359999999999999</v>
      </c>
      <c r="P81" s="191">
        <v>0.114</v>
      </c>
      <c r="Q81" s="97">
        <v>6.8666361160997849E-2</v>
      </c>
      <c r="R81" s="191">
        <v>0.28000000000000003</v>
      </c>
      <c r="S81" s="97">
        <v>9.2544877752083865E-2</v>
      </c>
      <c r="T81" s="191">
        <v>0.60599999999999998</v>
      </c>
      <c r="U81" s="97">
        <v>9.9933483375378426E-2</v>
      </c>
      <c r="V81" s="191">
        <v>0</v>
      </c>
      <c r="W81" s="97">
        <v>2.9154263235671291E-2</v>
      </c>
    </row>
    <row r="82" spans="1:32">
      <c r="A82" s="57" t="s">
        <v>452</v>
      </c>
      <c r="B82" s="188">
        <v>319</v>
      </c>
      <c r="C82" s="84">
        <v>4.8</v>
      </c>
      <c r="D82" s="85">
        <v>0.1764</v>
      </c>
      <c r="E82" s="190">
        <v>0.23400000000000001</v>
      </c>
      <c r="F82" s="94">
        <v>4.7342454307977559E-2</v>
      </c>
      <c r="G82" s="190">
        <v>0.14000000000000001</v>
      </c>
      <c r="H82" s="94">
        <v>3.9121946606911158E-2</v>
      </c>
      <c r="I82" s="190">
        <v>0.625</v>
      </c>
      <c r="J82" s="94">
        <v>5.3918824508592755E-2</v>
      </c>
      <c r="K82" s="190">
        <v>0</v>
      </c>
      <c r="L82" s="94">
        <v>8.7295875757469003E-3</v>
      </c>
      <c r="M82" s="188">
        <v>321</v>
      </c>
      <c r="N82" s="84">
        <v>3.38</v>
      </c>
      <c r="O82" s="85">
        <v>0.19600000000000001</v>
      </c>
      <c r="P82" s="190">
        <v>0.159</v>
      </c>
      <c r="Q82" s="94">
        <v>4.0997363874000547E-2</v>
      </c>
      <c r="R82" s="190">
        <v>0.27500000000000002</v>
      </c>
      <c r="S82" s="94">
        <v>4.9689929047069252E-2</v>
      </c>
      <c r="T82" s="190">
        <v>0.56099999999999994</v>
      </c>
      <c r="U82" s="94">
        <v>5.5065838098012312E-2</v>
      </c>
      <c r="V82" s="190">
        <v>5.0000000000000001E-3</v>
      </c>
      <c r="W82" s="94">
        <v>1.1619224601358859E-2</v>
      </c>
    </row>
    <row r="83" spans="1:32">
      <c r="A83" s="49" t="s">
        <v>445</v>
      </c>
      <c r="B83" s="189">
        <v>102</v>
      </c>
      <c r="C83" s="172">
        <v>4.82</v>
      </c>
      <c r="D83" s="132">
        <v>0.3528</v>
      </c>
      <c r="E83" s="191">
        <v>0.20300000000000001</v>
      </c>
      <c r="F83" s="97">
        <v>7.9698174479058831E-2</v>
      </c>
      <c r="G83" s="191">
        <v>0.125</v>
      </c>
      <c r="H83" s="97">
        <v>6.7233178677087363E-2</v>
      </c>
      <c r="I83" s="191">
        <v>0.67200000000000004</v>
      </c>
      <c r="J83" s="97">
        <v>9.1652878217987052E-2</v>
      </c>
      <c r="K83" s="191">
        <v>0</v>
      </c>
      <c r="L83" s="97">
        <v>2.6430347017829241E-2</v>
      </c>
      <c r="M83" s="189">
        <v>104</v>
      </c>
      <c r="N83" s="172">
        <v>3.03</v>
      </c>
      <c r="O83" s="132">
        <v>0.3528</v>
      </c>
      <c r="P83" s="191">
        <v>7.8E-2</v>
      </c>
      <c r="Q83" s="97">
        <v>5.6063166123066208E-2</v>
      </c>
      <c r="R83" s="191">
        <v>0.22</v>
      </c>
      <c r="S83" s="97">
        <v>8.1034940526542767E-2</v>
      </c>
      <c r="T83" s="191">
        <v>0.70199999999999996</v>
      </c>
      <c r="U83" s="97">
        <v>8.8644639275856363E-2</v>
      </c>
      <c r="V83" s="191">
        <v>0</v>
      </c>
      <c r="W83" s="97">
        <v>2.5945514841396074E-2</v>
      </c>
    </row>
    <row r="84" spans="1:32">
      <c r="A84" s="57" t="s">
        <v>446</v>
      </c>
      <c r="B84" s="188">
        <v>123</v>
      </c>
      <c r="C84" s="84">
        <v>4.37</v>
      </c>
      <c r="D84" s="85">
        <v>0.29399999999999998</v>
      </c>
      <c r="E84" s="190">
        <v>0.33300000000000002</v>
      </c>
      <c r="F84" s="94">
        <v>8.3964769788369878E-2</v>
      </c>
      <c r="G84" s="190">
        <v>0.20399999999999999</v>
      </c>
      <c r="H84" s="94">
        <v>7.2701786061394089E-2</v>
      </c>
      <c r="I84" s="190">
        <v>0.46200000000000002</v>
      </c>
      <c r="J84" s="94">
        <v>8.8494944591417185E-2</v>
      </c>
      <c r="K84" s="190">
        <v>1E-3</v>
      </c>
      <c r="L84" s="94">
        <v>2.275310336274531E-2</v>
      </c>
      <c r="M84" s="188">
        <v>122</v>
      </c>
      <c r="N84" s="84">
        <v>3.77</v>
      </c>
      <c r="O84" s="85">
        <v>0.3332</v>
      </c>
      <c r="P84" s="190">
        <v>0.21</v>
      </c>
      <c r="Q84" s="94">
        <v>7.3712208649148889E-2</v>
      </c>
      <c r="R84" s="190">
        <v>0.35199999999999998</v>
      </c>
      <c r="S84" s="94">
        <v>8.534982263989635E-2</v>
      </c>
      <c r="T84" s="190">
        <v>0.437</v>
      </c>
      <c r="U84" s="94">
        <v>8.8421609080478469E-2</v>
      </c>
      <c r="V84" s="190">
        <v>1E-3</v>
      </c>
      <c r="W84" s="94">
        <v>2.2926827338089834E-2</v>
      </c>
    </row>
    <row r="85" spans="1:32">
      <c r="A85" s="49" t="s">
        <v>447</v>
      </c>
      <c r="B85" s="189">
        <v>94</v>
      </c>
      <c r="C85" s="172">
        <v>5.33</v>
      </c>
      <c r="D85" s="132">
        <v>0.27440000000000003</v>
      </c>
      <c r="E85" s="191">
        <v>0.14199999999999999</v>
      </c>
      <c r="F85" s="97">
        <v>7.342491643098531E-2</v>
      </c>
      <c r="G85" s="191">
        <v>7.3999999999999996E-2</v>
      </c>
      <c r="H85" s="97">
        <v>5.8217058065256774E-2</v>
      </c>
      <c r="I85" s="191">
        <v>0.78400000000000003</v>
      </c>
      <c r="J85" s="97">
        <v>8.4706887797050684E-2</v>
      </c>
      <c r="K85" s="191">
        <v>0</v>
      </c>
      <c r="L85" s="97">
        <v>2.8565478049949598E-2</v>
      </c>
      <c r="M85" s="189">
        <v>95</v>
      </c>
      <c r="N85" s="172">
        <v>3.25</v>
      </c>
      <c r="O85" s="132">
        <v>0.39200000000000002</v>
      </c>
      <c r="P85" s="191">
        <v>0.17599999999999999</v>
      </c>
      <c r="Q85" s="97">
        <v>7.8710706006256473E-2</v>
      </c>
      <c r="R85" s="191">
        <v>0.23599999999999999</v>
      </c>
      <c r="S85" s="97">
        <v>8.6648534751807782E-2</v>
      </c>
      <c r="T85" s="191">
        <v>0.57299999999999995</v>
      </c>
      <c r="U85" s="97">
        <v>9.9512534460916624E-2</v>
      </c>
      <c r="V85" s="191">
        <v>1.6E-2</v>
      </c>
      <c r="W85" s="97">
        <v>3.7222431612389924E-2</v>
      </c>
    </row>
    <row r="86" spans="1:32">
      <c r="A86" s="57" t="s">
        <v>453</v>
      </c>
      <c r="B86" s="188">
        <v>100</v>
      </c>
      <c r="C86" s="84">
        <v>5.44</v>
      </c>
      <c r="D86" s="85">
        <v>0.3332</v>
      </c>
      <c r="E86" s="190">
        <v>0.10299999999999999</v>
      </c>
      <c r="F86" s="94">
        <v>6.3331126088472842E-2</v>
      </c>
      <c r="G86" s="190">
        <v>0.104</v>
      </c>
      <c r="H86" s="94">
        <v>6.3553367307571426E-2</v>
      </c>
      <c r="I86" s="190">
        <v>0.79300000000000004</v>
      </c>
      <c r="J86" s="94">
        <v>8.1009917167980366E-2</v>
      </c>
      <c r="K86" s="190">
        <v>0</v>
      </c>
      <c r="L86" s="94">
        <v>2.693364120714959E-2</v>
      </c>
      <c r="M86" s="188">
        <v>99</v>
      </c>
      <c r="N86" s="84">
        <v>3.46</v>
      </c>
      <c r="O86" s="85">
        <v>0.3332</v>
      </c>
      <c r="P86" s="190">
        <v>0.16500000000000001</v>
      </c>
      <c r="Q86" s="94">
        <v>7.5381811906634219E-2</v>
      </c>
      <c r="R86" s="190">
        <v>0.27900000000000003</v>
      </c>
      <c r="S86" s="94">
        <v>8.919898471390468E-2</v>
      </c>
      <c r="T86" s="190">
        <v>0.55699999999999994</v>
      </c>
      <c r="U86" s="94">
        <v>9.793963853848002E-2</v>
      </c>
      <c r="V86" s="190">
        <v>0</v>
      </c>
      <c r="W86" s="94">
        <v>2.7192544212657866E-2</v>
      </c>
    </row>
    <row r="87" spans="1:32">
      <c r="A87" s="49" t="s">
        <v>459</v>
      </c>
      <c r="B87" s="189">
        <v>369</v>
      </c>
      <c r="C87" s="172">
        <v>5.43</v>
      </c>
      <c r="D87" s="132">
        <v>0.15679999999999999</v>
      </c>
      <c r="E87" s="191">
        <v>8.5000000000000006E-2</v>
      </c>
      <c r="F87" s="97">
        <v>2.9554153992972444E-2</v>
      </c>
      <c r="G87" s="191">
        <v>0.124</v>
      </c>
      <c r="H87" s="97">
        <v>3.4600738361200083E-2</v>
      </c>
      <c r="I87" s="191">
        <v>0.76700000000000002</v>
      </c>
      <c r="J87" s="97">
        <v>4.3963400361214315E-2</v>
      </c>
      <c r="K87" s="191">
        <v>2.5000000000000001E-2</v>
      </c>
      <c r="L87" s="97">
        <v>1.7692092400187164E-2</v>
      </c>
      <c r="M87" s="189">
        <v>369</v>
      </c>
      <c r="N87" s="172">
        <v>3.88</v>
      </c>
      <c r="O87" s="132">
        <v>0.1764</v>
      </c>
      <c r="P87" s="191">
        <v>0.193</v>
      </c>
      <c r="Q87" s="97">
        <v>4.1131657771887022E-2</v>
      </c>
      <c r="R87" s="191">
        <v>0.38500000000000001</v>
      </c>
      <c r="S87" s="97">
        <v>5.0419912363088411E-2</v>
      </c>
      <c r="T87" s="191">
        <v>0.38300000000000001</v>
      </c>
      <c r="U87" s="97">
        <v>5.0371597555143137E-2</v>
      </c>
      <c r="V87" s="191">
        <v>3.7999999999999999E-2</v>
      </c>
      <c r="W87" s="97">
        <v>2.0996448336536508E-2</v>
      </c>
    </row>
    <row r="90" spans="1:32" ht="18.75">
      <c r="A90" s="322" t="s">
        <v>275</v>
      </c>
      <c r="B90" s="322"/>
      <c r="C90" s="322"/>
      <c r="D90" s="322"/>
      <c r="E90" s="322"/>
      <c r="F90" s="322"/>
      <c r="G90" s="322"/>
      <c r="H90" s="322"/>
      <c r="I90" s="322"/>
      <c r="J90" s="322"/>
      <c r="K90" s="322"/>
      <c r="L90" s="322"/>
      <c r="M90" s="227"/>
      <c r="N90" s="227"/>
      <c r="O90" s="227"/>
      <c r="P90" s="257"/>
      <c r="Q90" s="257"/>
      <c r="R90" s="257"/>
      <c r="S90" s="257"/>
      <c r="T90" s="257"/>
      <c r="U90" s="257"/>
      <c r="V90" s="257"/>
      <c r="W90" s="257"/>
      <c r="X90" s="257"/>
      <c r="Y90" s="257"/>
      <c r="Z90" s="257"/>
      <c r="AA90" s="257"/>
      <c r="AB90" s="257"/>
    </row>
    <row r="91" spans="1:32" ht="37.5" customHeight="1">
      <c r="A91" s="389" t="s">
        <v>504</v>
      </c>
      <c r="B91" s="389"/>
      <c r="C91" s="389"/>
      <c r="D91" s="389"/>
      <c r="E91" s="389"/>
      <c r="F91" s="389"/>
      <c r="G91" s="389"/>
      <c r="H91" s="389"/>
      <c r="I91" s="389"/>
      <c r="J91" s="389"/>
      <c r="K91" s="389"/>
      <c r="L91" s="389"/>
      <c r="M91" s="240"/>
      <c r="N91" s="240"/>
      <c r="O91" s="240"/>
      <c r="P91" s="257"/>
      <c r="Q91" s="257"/>
      <c r="R91" s="257"/>
      <c r="S91" s="257"/>
      <c r="T91" s="257"/>
      <c r="U91" s="257"/>
      <c r="V91" s="257"/>
      <c r="W91" s="257"/>
      <c r="X91" s="257"/>
      <c r="Y91" s="257"/>
      <c r="Z91" s="257"/>
      <c r="AA91" s="257"/>
      <c r="AB91" s="257"/>
    </row>
    <row r="92" spans="1:32" ht="36" customHeight="1">
      <c r="A92" s="64"/>
      <c r="B92" s="364" t="s">
        <v>276</v>
      </c>
      <c r="C92" s="365"/>
      <c r="D92" s="365"/>
      <c r="E92" s="365"/>
      <c r="F92" s="365"/>
      <c r="G92" s="365"/>
      <c r="H92" s="365"/>
      <c r="I92" s="365"/>
      <c r="J92" s="365"/>
      <c r="K92" s="365"/>
      <c r="L92" s="366"/>
      <c r="M92" s="257"/>
      <c r="N92" s="257"/>
      <c r="O92" s="257"/>
      <c r="P92" s="257"/>
      <c r="Q92" s="257"/>
      <c r="R92" s="257"/>
      <c r="S92" s="257"/>
      <c r="T92" s="257"/>
      <c r="U92" s="257"/>
      <c r="V92" s="257"/>
      <c r="W92" s="257"/>
      <c r="X92" s="257"/>
      <c r="Y92" s="257"/>
      <c r="Z92" s="257"/>
      <c r="AA92" s="257"/>
      <c r="AB92" s="257"/>
      <c r="AC92" s="257"/>
      <c r="AD92" s="257"/>
      <c r="AE92" s="257"/>
      <c r="AF92" s="257"/>
    </row>
    <row r="93" spans="1:32" ht="39.75" customHeight="1">
      <c r="A93" s="37" t="s">
        <v>85</v>
      </c>
      <c r="B93" s="38" t="s">
        <v>86</v>
      </c>
      <c r="C93" s="39" t="s">
        <v>87</v>
      </c>
      <c r="D93" s="40" t="s">
        <v>88</v>
      </c>
      <c r="E93" s="38" t="s">
        <v>367</v>
      </c>
      <c r="F93" s="89" t="s">
        <v>162</v>
      </c>
      <c r="G93" s="38" t="s">
        <v>368</v>
      </c>
      <c r="H93" s="89" t="s">
        <v>163</v>
      </c>
      <c r="I93" s="38" t="s">
        <v>369</v>
      </c>
      <c r="J93" s="89" t="s">
        <v>136</v>
      </c>
      <c r="K93" s="38" t="s">
        <v>356</v>
      </c>
      <c r="L93" s="89" t="s">
        <v>370</v>
      </c>
      <c r="M93" s="257"/>
      <c r="N93" s="257"/>
      <c r="O93" s="257"/>
      <c r="P93" s="257"/>
      <c r="Q93" s="257"/>
      <c r="R93" s="257"/>
      <c r="S93" s="257"/>
      <c r="T93" s="257"/>
      <c r="U93" s="257"/>
      <c r="V93" s="257"/>
      <c r="W93" s="257"/>
      <c r="X93" s="257"/>
      <c r="Y93" s="257"/>
      <c r="Z93" s="257"/>
      <c r="AA93" s="257"/>
      <c r="AB93" s="257"/>
      <c r="AC93" s="257"/>
      <c r="AD93" s="257"/>
      <c r="AE93" s="257"/>
      <c r="AF93" s="257"/>
    </row>
    <row r="94" spans="1:32" ht="72">
      <c r="A94" s="41"/>
      <c r="B94" s="42" t="s">
        <v>89</v>
      </c>
      <c r="C94" s="128" t="s">
        <v>359</v>
      </c>
      <c r="D94" s="44" t="s">
        <v>91</v>
      </c>
      <c r="E94" s="42" t="s">
        <v>181</v>
      </c>
      <c r="F94" s="91" t="s">
        <v>104</v>
      </c>
      <c r="G94" s="42" t="s">
        <v>182</v>
      </c>
      <c r="H94" s="91" t="s">
        <v>104</v>
      </c>
      <c r="I94" s="42" t="s">
        <v>183</v>
      </c>
      <c r="J94" s="91" t="s">
        <v>104</v>
      </c>
      <c r="K94" s="42" t="s">
        <v>356</v>
      </c>
      <c r="L94" s="91" t="s">
        <v>104</v>
      </c>
    </row>
    <row r="95" spans="1:32">
      <c r="A95" s="45" t="s">
        <v>434</v>
      </c>
      <c r="B95" s="192">
        <v>11008</v>
      </c>
      <c r="C95" s="84">
        <v>4.67</v>
      </c>
      <c r="D95" s="85">
        <v>1.9599999999999999E-2</v>
      </c>
      <c r="E95" s="190">
        <v>0.189</v>
      </c>
      <c r="F95" s="94">
        <v>7.4634173341499794E-3</v>
      </c>
      <c r="G95" s="190">
        <v>0.216</v>
      </c>
      <c r="H95" s="94">
        <v>7.8443490467367868E-3</v>
      </c>
      <c r="I95" s="190">
        <v>0.56899999999999995</v>
      </c>
      <c r="J95" s="94">
        <v>9.4383205836198036E-3</v>
      </c>
      <c r="K95" s="190">
        <v>2.5999999999999999E-2</v>
      </c>
      <c r="L95" s="94">
        <v>3.0426913391641314E-3</v>
      </c>
    </row>
    <row r="96" spans="1:32">
      <c r="A96" s="49" t="s">
        <v>435</v>
      </c>
      <c r="B96" s="49">
        <v>8860</v>
      </c>
      <c r="C96" s="172">
        <v>4.57</v>
      </c>
      <c r="D96" s="132">
        <v>3.9199999999999999E-2</v>
      </c>
      <c r="E96" s="191">
        <v>0.215</v>
      </c>
      <c r="F96" s="97">
        <v>8.7289791651642898E-3</v>
      </c>
      <c r="G96" s="191">
        <v>0.22</v>
      </c>
      <c r="H96" s="97">
        <v>8.8016331700968512E-3</v>
      </c>
      <c r="I96" s="191">
        <v>0.54900000000000004</v>
      </c>
      <c r="J96" s="97">
        <v>1.0570401050802519E-2</v>
      </c>
      <c r="K96" s="191">
        <v>1.7000000000000001E-2</v>
      </c>
      <c r="L96" s="97">
        <v>2.763341621824688E-3</v>
      </c>
    </row>
    <row r="97" spans="1:12">
      <c r="A97" s="45" t="s">
        <v>436</v>
      </c>
      <c r="B97" s="53">
        <v>1986</v>
      </c>
      <c r="C97" s="84">
        <v>4.92</v>
      </c>
      <c r="D97" s="85">
        <v>5.8799999999999998E-2</v>
      </c>
      <c r="E97" s="190">
        <v>0.13120000000000001</v>
      </c>
      <c r="F97" s="94">
        <v>1.5172892925373804E-2</v>
      </c>
      <c r="G97" s="190">
        <v>0.19359999999999999</v>
      </c>
      <c r="H97" s="94">
        <v>1.7735979477157507E-2</v>
      </c>
      <c r="I97" s="190">
        <v>0.63390000000000002</v>
      </c>
      <c r="J97" s="94">
        <v>2.1601358359796648E-2</v>
      </c>
      <c r="K97" s="190">
        <v>4.1399999999999999E-2</v>
      </c>
      <c r="L97" s="94">
        <v>9.0260008033036035E-3</v>
      </c>
    </row>
    <row r="98" spans="1:12">
      <c r="A98" s="49" t="s">
        <v>437</v>
      </c>
      <c r="B98" s="49">
        <v>3072</v>
      </c>
      <c r="C98" s="172">
        <v>4.6900000000000004</v>
      </c>
      <c r="D98" s="132">
        <v>5.8799999999999998E-2</v>
      </c>
      <c r="E98" s="191">
        <v>0.182</v>
      </c>
      <c r="F98" s="97">
        <v>1.3926186160827138E-2</v>
      </c>
      <c r="G98" s="191">
        <v>0.216</v>
      </c>
      <c r="H98" s="97">
        <v>1.4848766532691833E-2</v>
      </c>
      <c r="I98" s="191">
        <v>0.57999999999999996</v>
      </c>
      <c r="J98" s="97">
        <v>1.7798782638746211E-2</v>
      </c>
      <c r="K98" s="191">
        <v>2.3E-2</v>
      </c>
      <c r="L98" s="97">
        <v>5.4763195346014884E-3</v>
      </c>
    </row>
    <row r="99" spans="1:12">
      <c r="A99" s="45" t="s">
        <v>438</v>
      </c>
      <c r="B99" s="53">
        <v>2481</v>
      </c>
      <c r="C99" s="84">
        <v>4.62</v>
      </c>
      <c r="D99" s="85">
        <v>5.8799999999999998E-2</v>
      </c>
      <c r="E99" s="190">
        <v>0.19700000000000001</v>
      </c>
      <c r="F99" s="94">
        <v>1.5972124827419693E-2</v>
      </c>
      <c r="G99" s="190">
        <v>0.223</v>
      </c>
      <c r="H99" s="94">
        <v>1.6712400537496345E-2</v>
      </c>
      <c r="I99" s="190">
        <v>0.55900000000000005</v>
      </c>
      <c r="J99" s="94">
        <v>1.9920574580586492E-2</v>
      </c>
      <c r="K99" s="190">
        <v>0.02</v>
      </c>
      <c r="L99" s="94">
        <v>5.722085901864459E-3</v>
      </c>
    </row>
    <row r="100" spans="1:12">
      <c r="A100" s="49" t="s">
        <v>449</v>
      </c>
      <c r="B100" s="49">
        <v>295</v>
      </c>
      <c r="C100" s="172">
        <v>4.55</v>
      </c>
      <c r="D100" s="132">
        <v>0.15679999999999999</v>
      </c>
      <c r="E100" s="191">
        <v>0.2</v>
      </c>
      <c r="F100" s="97">
        <v>4.6609732365859219E-2</v>
      </c>
      <c r="G100" s="191">
        <v>0.246</v>
      </c>
      <c r="H100" s="97">
        <v>5.004327682213186E-2</v>
      </c>
      <c r="I100" s="191">
        <v>0.53200000000000003</v>
      </c>
      <c r="J100" s="97">
        <v>5.7716086885197693E-2</v>
      </c>
      <c r="K100" s="191">
        <v>2.1000000000000001E-2</v>
      </c>
      <c r="L100" s="97">
        <v>1.8884201542445377E-2</v>
      </c>
    </row>
    <row r="101" spans="1:12">
      <c r="A101" s="45" t="s">
        <v>439</v>
      </c>
      <c r="B101" s="53">
        <v>147</v>
      </c>
      <c r="C101" s="84">
        <v>4.3899999999999997</v>
      </c>
      <c r="D101" s="85">
        <v>0.21559999999999999</v>
      </c>
      <c r="E101" s="190">
        <v>0.20699999999999999</v>
      </c>
      <c r="F101" s="94">
        <v>6.6837561141584428E-2</v>
      </c>
      <c r="G101" s="190">
        <v>0.30599999999999999</v>
      </c>
      <c r="H101" s="94">
        <v>7.5350228657996565E-2</v>
      </c>
      <c r="I101" s="190">
        <v>0.47899999999999998</v>
      </c>
      <c r="J101" s="94">
        <v>8.1310793623540809E-2</v>
      </c>
      <c r="K101" s="190">
        <v>8.9999999999999993E-3</v>
      </c>
      <c r="L101" s="94">
        <v>2.3877352777921738E-2</v>
      </c>
    </row>
    <row r="102" spans="1:12">
      <c r="A102" s="49" t="s">
        <v>440</v>
      </c>
      <c r="B102" s="49">
        <v>93</v>
      </c>
      <c r="C102" s="172">
        <v>4.5</v>
      </c>
      <c r="D102" s="132">
        <v>0.31359999999999999</v>
      </c>
      <c r="E102" s="191">
        <v>0.24199999999999999</v>
      </c>
      <c r="F102" s="97">
        <v>8.8238809607458071E-2</v>
      </c>
      <c r="G102" s="191">
        <v>0.186</v>
      </c>
      <c r="H102" s="97">
        <v>8.1067101241606529E-2</v>
      </c>
      <c r="I102" s="191">
        <v>0.55200000000000005</v>
      </c>
      <c r="J102" s="97">
        <v>0.10102860922940439</v>
      </c>
      <c r="K102" s="191">
        <v>0.02</v>
      </c>
      <c r="L102" s="97">
        <v>3.9694849839077437E-2</v>
      </c>
    </row>
    <row r="103" spans="1:12">
      <c r="A103" s="45" t="s">
        <v>475</v>
      </c>
      <c r="B103" s="53">
        <v>266</v>
      </c>
      <c r="C103" s="84">
        <v>4.2699999999999996</v>
      </c>
      <c r="D103" s="85">
        <v>0.1764</v>
      </c>
      <c r="E103" s="190">
        <v>0.23300000000000001</v>
      </c>
      <c r="F103" s="94">
        <v>5.1755496433377839E-2</v>
      </c>
      <c r="G103" s="190">
        <v>0.255</v>
      </c>
      <c r="H103" s="94">
        <v>5.3297257841666119E-2</v>
      </c>
      <c r="I103" s="190">
        <v>0.49099999999999999</v>
      </c>
      <c r="J103" s="94">
        <v>6.0848492141422648E-2</v>
      </c>
      <c r="K103" s="190">
        <v>0.02</v>
      </c>
      <c r="L103" s="94">
        <v>1.9767574933388824E-2</v>
      </c>
    </row>
    <row r="104" spans="1:12">
      <c r="A104" s="49" t="s">
        <v>441</v>
      </c>
      <c r="B104" s="49">
        <v>83</v>
      </c>
      <c r="C104" s="172">
        <v>4.0199999999999996</v>
      </c>
      <c r="D104" s="132">
        <v>0.3528</v>
      </c>
      <c r="E104" s="191">
        <v>0.32300000000000001</v>
      </c>
      <c r="F104" s="97">
        <v>0.10091207090110049</v>
      </c>
      <c r="G104" s="191">
        <v>0.30299999999999999</v>
      </c>
      <c r="H104" s="97">
        <v>9.9349055122211122E-2</v>
      </c>
      <c r="I104" s="191">
        <v>0.375</v>
      </c>
      <c r="J104" s="97">
        <v>0.10411725312146547</v>
      </c>
      <c r="K104" s="191">
        <v>0</v>
      </c>
      <c r="L104" s="97">
        <v>3.2134798233390625E-2</v>
      </c>
    </row>
    <row r="105" spans="1:12" ht="25.5">
      <c r="A105" s="45" t="s">
        <v>442</v>
      </c>
      <c r="B105" s="192">
        <v>108</v>
      </c>
      <c r="C105" s="84">
        <v>4</v>
      </c>
      <c r="D105" s="85">
        <v>0.27440000000000003</v>
      </c>
      <c r="E105" s="190">
        <v>0.246</v>
      </c>
      <c r="F105" s="94">
        <v>8.2377613745214087E-2</v>
      </c>
      <c r="G105" s="190">
        <v>0.253</v>
      </c>
      <c r="H105" s="94">
        <v>8.3081493579721583E-2</v>
      </c>
      <c r="I105" s="190">
        <v>0.48</v>
      </c>
      <c r="J105" s="94">
        <v>9.4420802267692241E-2</v>
      </c>
      <c r="K105" s="190">
        <v>0.02</v>
      </c>
      <c r="L105" s="94">
        <v>3.5738767119455297E-2</v>
      </c>
    </row>
    <row r="106" spans="1:12">
      <c r="A106" s="49" t="s">
        <v>462</v>
      </c>
      <c r="B106" s="193">
        <v>71</v>
      </c>
      <c r="C106" s="172">
        <v>4.9000000000000004</v>
      </c>
      <c r="D106" s="132">
        <v>0.31359999999999999</v>
      </c>
      <c r="E106" s="191">
        <v>0.12</v>
      </c>
      <c r="F106" s="97">
        <v>8.0197066908589243E-2</v>
      </c>
      <c r="G106" s="191">
        <v>0.184</v>
      </c>
      <c r="H106" s="97">
        <v>9.2523516815195966E-2</v>
      </c>
      <c r="I106" s="191">
        <v>0.65400000000000003</v>
      </c>
      <c r="J106" s="97">
        <v>0.11045270428491939</v>
      </c>
      <c r="K106" s="191">
        <v>4.2000000000000003E-2</v>
      </c>
      <c r="L106" s="97">
        <v>5.7510191385398694E-2</v>
      </c>
    </row>
    <row r="107" spans="1:12">
      <c r="A107" s="45" t="s">
        <v>450</v>
      </c>
      <c r="B107" s="54">
        <v>310</v>
      </c>
      <c r="C107" s="84">
        <v>4.97</v>
      </c>
      <c r="D107" s="85">
        <v>0.1764</v>
      </c>
      <c r="E107" s="190">
        <v>0.14899999999999999</v>
      </c>
      <c r="F107" s="94">
        <v>4.0681751667555409E-2</v>
      </c>
      <c r="G107" s="190">
        <v>0.15</v>
      </c>
      <c r="H107" s="94">
        <v>4.0788586514872889E-2</v>
      </c>
      <c r="I107" s="190">
        <v>0.66200000000000003</v>
      </c>
      <c r="J107" s="94">
        <v>5.3468292658877328E-2</v>
      </c>
      <c r="K107" s="190">
        <v>3.9E-2</v>
      </c>
      <c r="L107" s="94">
        <v>2.3366114123646305E-2</v>
      </c>
    </row>
    <row r="108" spans="1:12">
      <c r="A108" s="49" t="s">
        <v>443</v>
      </c>
      <c r="B108" s="193">
        <v>159</v>
      </c>
      <c r="C108" s="172">
        <v>4.6399999999999997</v>
      </c>
      <c r="D108" s="132">
        <v>0.25480000000000003</v>
      </c>
      <c r="E108" s="191">
        <v>0.17799999999999999</v>
      </c>
      <c r="F108" s="97">
        <v>6.0941960962554463E-2</v>
      </c>
      <c r="G108" s="191">
        <v>0.20599999999999999</v>
      </c>
      <c r="H108" s="97">
        <v>6.4161262595508209E-2</v>
      </c>
      <c r="I108" s="191">
        <v>0.54600000000000004</v>
      </c>
      <c r="J108" s="97">
        <v>7.8010000695008158E-2</v>
      </c>
      <c r="K108" s="191">
        <v>7.0999999999999994E-2</v>
      </c>
      <c r="L108" s="97">
        <v>4.2866852381809498E-2</v>
      </c>
    </row>
    <row r="109" spans="1:12">
      <c r="A109" s="57" t="s">
        <v>444</v>
      </c>
      <c r="B109" s="192">
        <v>151</v>
      </c>
      <c r="C109" s="84">
        <v>5.19</v>
      </c>
      <c r="D109" s="85">
        <v>0.21559999999999999</v>
      </c>
      <c r="E109" s="190">
        <v>0.128</v>
      </c>
      <c r="F109" s="94">
        <v>5.5338545161985976E-2</v>
      </c>
      <c r="G109" s="190">
        <v>0.11</v>
      </c>
      <c r="H109" s="94">
        <v>5.2215194450493073E-2</v>
      </c>
      <c r="I109" s="190">
        <v>0.746</v>
      </c>
      <c r="J109" s="94">
        <v>7.0494493847279044E-2</v>
      </c>
      <c r="K109" s="190">
        <v>1.6E-2</v>
      </c>
      <c r="L109" s="94">
        <v>2.6726149620656205E-2</v>
      </c>
    </row>
    <row r="110" spans="1:12">
      <c r="A110" s="49" t="s">
        <v>451</v>
      </c>
      <c r="B110" s="193">
        <v>90</v>
      </c>
      <c r="C110" s="172">
        <v>4.47</v>
      </c>
      <c r="D110" s="132">
        <v>0.29399999999999998</v>
      </c>
      <c r="E110" s="191">
        <v>0.23699999999999999</v>
      </c>
      <c r="F110" s="97">
        <v>8.9107268364170766E-2</v>
      </c>
      <c r="G110" s="191">
        <v>0.17399999999999999</v>
      </c>
      <c r="H110" s="97">
        <v>8.0576730743966915E-2</v>
      </c>
      <c r="I110" s="191">
        <v>0.57899999999999996</v>
      </c>
      <c r="J110" s="97">
        <v>0.10195511066776169</v>
      </c>
      <c r="K110" s="191">
        <v>0.01</v>
      </c>
      <c r="L110" s="97">
        <v>3.5669449166548753E-2</v>
      </c>
    </row>
    <row r="111" spans="1:12">
      <c r="A111" s="57" t="s">
        <v>452</v>
      </c>
      <c r="B111" s="192">
        <v>320</v>
      </c>
      <c r="C111" s="84">
        <v>4.53</v>
      </c>
      <c r="D111" s="85">
        <v>0.15679999999999999</v>
      </c>
      <c r="E111" s="190">
        <v>0.19500000000000001</v>
      </c>
      <c r="F111" s="94">
        <v>4.4341232253902518E-2</v>
      </c>
      <c r="G111" s="190">
        <v>0.23799999999999999</v>
      </c>
      <c r="H111" s="94">
        <v>4.7536918875564133E-2</v>
      </c>
      <c r="I111" s="190">
        <v>0.56100000000000005</v>
      </c>
      <c r="J111" s="94">
        <v>5.5150782025958106E-2</v>
      </c>
      <c r="K111" s="190">
        <v>6.0000000000000001E-3</v>
      </c>
      <c r="L111" s="94">
        <v>1.2147440571311856E-2</v>
      </c>
    </row>
    <row r="112" spans="1:12">
      <c r="A112" s="49" t="s">
        <v>445</v>
      </c>
      <c r="B112" s="193">
        <v>104</v>
      </c>
      <c r="C112" s="172">
        <v>4.25</v>
      </c>
      <c r="D112" s="132">
        <v>0.27440000000000003</v>
      </c>
      <c r="E112" s="191">
        <v>0.20399999999999999</v>
      </c>
      <c r="F112" s="97">
        <v>7.9057852121826241E-2</v>
      </c>
      <c r="G112" s="191">
        <v>0.27400000000000002</v>
      </c>
      <c r="H112" s="97">
        <v>8.6631904205062893E-2</v>
      </c>
      <c r="I112" s="191">
        <v>0.52200000000000002</v>
      </c>
      <c r="J112" s="97">
        <v>9.6138632141042651E-2</v>
      </c>
      <c r="K112" s="191">
        <v>0</v>
      </c>
      <c r="L112" s="97">
        <v>2.5945514841396074E-2</v>
      </c>
    </row>
    <row r="113" spans="1:45">
      <c r="A113" s="57" t="s">
        <v>446</v>
      </c>
      <c r="B113" s="192">
        <v>122</v>
      </c>
      <c r="C113" s="84">
        <v>4.72</v>
      </c>
      <c r="D113" s="85">
        <v>0.25480000000000003</v>
      </c>
      <c r="E113" s="190">
        <v>0.17899999999999999</v>
      </c>
      <c r="F113" s="94">
        <v>6.9783665689905836E-2</v>
      </c>
      <c r="G113" s="190">
        <v>0.22800000000000001</v>
      </c>
      <c r="H113" s="94">
        <v>7.5726918526745582E-2</v>
      </c>
      <c r="I113" s="190">
        <v>0.57699999999999996</v>
      </c>
      <c r="J113" s="94">
        <v>8.8091126904086228E-2</v>
      </c>
      <c r="K113" s="190">
        <v>1.4999999999999999E-2</v>
      </c>
      <c r="L113" s="94">
        <v>3.058833598769117E-2</v>
      </c>
    </row>
    <row r="114" spans="1:45">
      <c r="A114" s="49" t="s">
        <v>447</v>
      </c>
      <c r="B114" s="193">
        <v>94</v>
      </c>
      <c r="C114" s="172">
        <v>4.57</v>
      </c>
      <c r="D114" s="132">
        <v>0.3332</v>
      </c>
      <c r="E114" s="191">
        <v>0.20599999999999999</v>
      </c>
      <c r="F114" s="97">
        <v>8.3415850302161712E-2</v>
      </c>
      <c r="G114" s="191">
        <v>0.21199999999999999</v>
      </c>
      <c r="H114" s="97">
        <v>8.41982006573751E-2</v>
      </c>
      <c r="I114" s="191">
        <v>0.58199999999999996</v>
      </c>
      <c r="J114" s="97">
        <v>9.9757603354027391E-2</v>
      </c>
      <c r="K114" s="191">
        <v>0</v>
      </c>
      <c r="L114" s="97">
        <v>2.8565478049949598E-2</v>
      </c>
    </row>
    <row r="115" spans="1:45">
      <c r="A115" s="57" t="s">
        <v>453</v>
      </c>
      <c r="B115" s="192">
        <v>101</v>
      </c>
      <c r="C115" s="84">
        <v>4.3499999999999996</v>
      </c>
      <c r="D115" s="85">
        <v>0.27440000000000003</v>
      </c>
      <c r="E115" s="190">
        <v>0.28199999999999997</v>
      </c>
      <c r="F115" s="94">
        <v>8.8592788510165485E-2</v>
      </c>
      <c r="G115" s="190">
        <v>0.20699999999999999</v>
      </c>
      <c r="H115" s="94">
        <v>8.060894150392578E-2</v>
      </c>
      <c r="I115" s="190">
        <v>0.497</v>
      </c>
      <c r="J115" s="94">
        <v>9.7588381949621383E-2</v>
      </c>
      <c r="K115" s="190">
        <v>1.2999999999999999E-2</v>
      </c>
      <c r="L115" s="94">
        <v>3.4118464884026416E-2</v>
      </c>
    </row>
    <row r="116" spans="1:45">
      <c r="A116" s="49" t="s">
        <v>459</v>
      </c>
      <c r="B116" s="193">
        <v>369</v>
      </c>
      <c r="C116" s="172">
        <v>4.93</v>
      </c>
      <c r="D116" s="132">
        <v>0.15679999999999999</v>
      </c>
      <c r="E116" s="191">
        <v>0.128</v>
      </c>
      <c r="F116" s="97">
        <v>3.5051567851270539E-2</v>
      </c>
      <c r="G116" s="191">
        <v>0.19</v>
      </c>
      <c r="H116" s="97">
        <v>4.0894826772394477E-2</v>
      </c>
      <c r="I116" s="191">
        <v>0.64300000000000002</v>
      </c>
      <c r="J116" s="97">
        <v>4.9662370280616042E-2</v>
      </c>
      <c r="K116" s="191">
        <v>3.7999999999999999E-2</v>
      </c>
      <c r="L116" s="97">
        <v>2.0996448336536508E-2</v>
      </c>
    </row>
    <row r="118" spans="1:45">
      <c r="P118" s="257"/>
      <c r="Q118" s="257"/>
      <c r="R118" s="257"/>
      <c r="S118" s="257"/>
      <c r="T118" s="257"/>
      <c r="U118" s="257"/>
      <c r="V118" s="257"/>
      <c r="W118" s="257"/>
      <c r="X118" s="257"/>
      <c r="Y118" s="257"/>
      <c r="Z118" s="257"/>
      <c r="AA118" s="257"/>
      <c r="AB118" s="257"/>
      <c r="AC118" s="257"/>
      <c r="AD118" s="257"/>
      <c r="AE118" s="257"/>
      <c r="AF118" s="257"/>
      <c r="AG118" s="257"/>
      <c r="AH118" s="257"/>
      <c r="AI118" s="257"/>
      <c r="AJ118" s="257"/>
      <c r="AK118" s="257"/>
      <c r="AL118" s="257"/>
      <c r="AM118" s="257"/>
      <c r="AN118" s="257"/>
      <c r="AO118" s="257"/>
      <c r="AP118" s="257"/>
      <c r="AQ118" s="257"/>
      <c r="AR118" s="257"/>
      <c r="AS118" s="257"/>
    </row>
    <row r="119" spans="1:45" ht="18.75">
      <c r="A119" s="386" t="s">
        <v>15</v>
      </c>
      <c r="B119" s="386"/>
      <c r="C119" s="386"/>
      <c r="D119" s="386"/>
    </row>
    <row r="120" spans="1:45" ht="71.25" customHeight="1">
      <c r="A120" s="387" t="s">
        <v>505</v>
      </c>
      <c r="B120" s="387"/>
      <c r="C120" s="387"/>
      <c r="D120" s="387"/>
    </row>
    <row r="121" spans="1:45" ht="36" customHeight="1">
      <c r="A121" s="371" t="s">
        <v>279</v>
      </c>
      <c r="B121" s="371"/>
      <c r="C121" s="371"/>
      <c r="D121" s="371"/>
    </row>
    <row r="122" spans="1:45" ht="40.5" customHeight="1">
      <c r="A122" s="37" t="s">
        <v>85</v>
      </c>
      <c r="B122" s="38" t="s">
        <v>86</v>
      </c>
      <c r="C122" s="39" t="s">
        <v>87</v>
      </c>
      <c r="D122" s="40" t="s">
        <v>88</v>
      </c>
    </row>
    <row r="123" spans="1:45" ht="72">
      <c r="A123" s="41"/>
      <c r="B123" s="42" t="s">
        <v>89</v>
      </c>
      <c r="C123" s="128" t="s">
        <v>280</v>
      </c>
      <c r="D123" s="44" t="s">
        <v>91</v>
      </c>
    </row>
    <row r="124" spans="1:45">
      <c r="A124" s="45" t="s">
        <v>434</v>
      </c>
      <c r="B124" s="198">
        <v>10969</v>
      </c>
      <c r="C124" s="199">
        <v>4.75</v>
      </c>
      <c r="D124" s="200">
        <v>3.9199999999999999E-2</v>
      </c>
    </row>
    <row r="125" spans="1:45">
      <c r="A125" s="49" t="s">
        <v>435</v>
      </c>
      <c r="B125" s="49">
        <v>8844</v>
      </c>
      <c r="C125" s="202">
        <v>4.47</v>
      </c>
      <c r="D125" s="203">
        <v>3.9199999999999999E-2</v>
      </c>
    </row>
    <row r="126" spans="1:45">
      <c r="A126" s="45" t="s">
        <v>436</v>
      </c>
      <c r="B126" s="53">
        <v>1961</v>
      </c>
      <c r="C126" s="199">
        <v>5.23</v>
      </c>
      <c r="D126" s="200">
        <v>5.8799999999999998E-2</v>
      </c>
    </row>
    <row r="127" spans="1:45">
      <c r="A127" s="49" t="s">
        <v>437</v>
      </c>
      <c r="B127" s="49">
        <v>3063</v>
      </c>
      <c r="C127" s="202">
        <v>4.72</v>
      </c>
      <c r="D127" s="203">
        <v>5.8799999999999998E-2</v>
      </c>
    </row>
    <row r="128" spans="1:45">
      <c r="A128" s="45" t="s">
        <v>438</v>
      </c>
      <c r="B128" s="53">
        <v>2478</v>
      </c>
      <c r="C128" s="199">
        <v>4.42</v>
      </c>
      <c r="D128" s="200">
        <v>7.8399999999999997E-2</v>
      </c>
    </row>
    <row r="129" spans="1:4">
      <c r="A129" s="49" t="s">
        <v>449</v>
      </c>
      <c r="B129" s="49">
        <v>294</v>
      </c>
      <c r="C129" s="202">
        <v>4.7300000000000004</v>
      </c>
      <c r="D129" s="203">
        <v>0.19600000000000001</v>
      </c>
    </row>
    <row r="130" spans="1:4">
      <c r="A130" s="45" t="s">
        <v>439</v>
      </c>
      <c r="B130" s="53">
        <v>147</v>
      </c>
      <c r="C130" s="199">
        <v>4.82</v>
      </c>
      <c r="D130" s="200">
        <v>0.25480000000000003</v>
      </c>
    </row>
    <row r="131" spans="1:4">
      <c r="A131" s="49" t="s">
        <v>440</v>
      </c>
      <c r="B131" s="49">
        <v>93</v>
      </c>
      <c r="C131" s="202">
        <v>4.0999999999999996</v>
      </c>
      <c r="D131" s="203">
        <v>0.3528</v>
      </c>
    </row>
    <row r="132" spans="1:4">
      <c r="A132" s="45" t="s">
        <v>475</v>
      </c>
      <c r="B132" s="53">
        <v>264</v>
      </c>
      <c r="C132" s="199">
        <v>4.0599999999999996</v>
      </c>
      <c r="D132" s="200">
        <v>0.21559999999999999</v>
      </c>
    </row>
    <row r="133" spans="1:4">
      <c r="A133" s="49" t="s">
        <v>441</v>
      </c>
      <c r="B133" s="49">
        <v>83</v>
      </c>
      <c r="C133" s="202">
        <v>3.71</v>
      </c>
      <c r="D133" s="203">
        <v>0.37240000000000001</v>
      </c>
    </row>
    <row r="134" spans="1:4" ht="25.5">
      <c r="A134" s="45" t="s">
        <v>442</v>
      </c>
      <c r="B134" s="198">
        <v>106</v>
      </c>
      <c r="C134" s="199">
        <v>3.91</v>
      </c>
      <c r="D134" s="200">
        <v>0.31359999999999999</v>
      </c>
    </row>
    <row r="135" spans="1:4">
      <c r="A135" s="49" t="s">
        <v>462</v>
      </c>
      <c r="B135" s="201">
        <v>71</v>
      </c>
      <c r="C135" s="202">
        <v>4.53</v>
      </c>
      <c r="D135" s="203">
        <v>0.41159999999999997</v>
      </c>
    </row>
    <row r="136" spans="1:4">
      <c r="A136" s="45" t="s">
        <v>450</v>
      </c>
      <c r="B136" s="83">
        <v>310</v>
      </c>
      <c r="C136" s="199">
        <v>4.93</v>
      </c>
      <c r="D136" s="200">
        <v>0.19600000000000001</v>
      </c>
    </row>
    <row r="137" spans="1:4">
      <c r="A137" s="49" t="s">
        <v>443</v>
      </c>
      <c r="B137" s="201">
        <v>160</v>
      </c>
      <c r="C137" s="202">
        <v>4.87</v>
      </c>
      <c r="D137" s="203">
        <v>0.29399999999999998</v>
      </c>
    </row>
    <row r="138" spans="1:4">
      <c r="A138" s="57" t="s">
        <v>444</v>
      </c>
      <c r="B138" s="198">
        <v>150</v>
      </c>
      <c r="C138" s="199">
        <v>4.9800000000000004</v>
      </c>
      <c r="D138" s="200">
        <v>0.25480000000000003</v>
      </c>
    </row>
    <row r="139" spans="1:4">
      <c r="A139" s="49" t="s">
        <v>451</v>
      </c>
      <c r="B139" s="201">
        <v>90</v>
      </c>
      <c r="C139" s="202">
        <v>4.67</v>
      </c>
      <c r="D139" s="203">
        <v>0.3332</v>
      </c>
    </row>
    <row r="140" spans="1:4">
      <c r="A140" s="57" t="s">
        <v>452</v>
      </c>
      <c r="B140" s="198">
        <v>320</v>
      </c>
      <c r="C140" s="199">
        <v>4.17</v>
      </c>
      <c r="D140" s="200">
        <v>0.19600000000000001</v>
      </c>
    </row>
    <row r="141" spans="1:4">
      <c r="A141" s="49" t="s">
        <v>445</v>
      </c>
      <c r="B141" s="201">
        <v>104</v>
      </c>
      <c r="C141" s="202">
        <v>4.5199999999999996</v>
      </c>
      <c r="D141" s="203">
        <v>0.3528</v>
      </c>
    </row>
    <row r="142" spans="1:4">
      <c r="A142" s="57" t="s">
        <v>446</v>
      </c>
      <c r="B142" s="198">
        <v>122</v>
      </c>
      <c r="C142" s="199">
        <v>3.85</v>
      </c>
      <c r="D142" s="200">
        <v>0.31359999999999999</v>
      </c>
    </row>
    <row r="143" spans="1:4">
      <c r="A143" s="49" t="s">
        <v>447</v>
      </c>
      <c r="B143" s="201">
        <v>94</v>
      </c>
      <c r="C143" s="202">
        <v>4.22</v>
      </c>
      <c r="D143" s="203">
        <v>0.3528</v>
      </c>
    </row>
    <row r="144" spans="1:4">
      <c r="A144" s="57" t="s">
        <v>453</v>
      </c>
      <c r="B144" s="198">
        <v>99</v>
      </c>
      <c r="C144" s="199">
        <v>4.04</v>
      </c>
      <c r="D144" s="200">
        <v>0.3332</v>
      </c>
    </row>
    <row r="145" spans="1:49">
      <c r="A145" s="49" t="s">
        <v>459</v>
      </c>
      <c r="B145" s="201">
        <v>365</v>
      </c>
      <c r="C145" s="202">
        <v>5.32</v>
      </c>
      <c r="D145" s="203">
        <v>0.15679999999999999</v>
      </c>
    </row>
    <row r="147" spans="1:49" s="249" customFormat="1">
      <c r="A147" s="242"/>
      <c r="B147" s="261"/>
      <c r="C147" s="262"/>
      <c r="D147" s="263"/>
    </row>
    <row r="148" spans="1:49" ht="18.75">
      <c r="A148" s="322" t="s">
        <v>15</v>
      </c>
      <c r="B148" s="322"/>
      <c r="C148" s="322"/>
      <c r="D148" s="322"/>
      <c r="E148" s="322"/>
      <c r="F148" s="322"/>
      <c r="G148" s="322"/>
      <c r="H148" s="322"/>
      <c r="I148" s="322"/>
      <c r="J148" s="322"/>
      <c r="K148" s="322"/>
      <c r="L148" s="322"/>
      <c r="M148" s="322"/>
      <c r="N148" s="322"/>
      <c r="O148" s="322"/>
      <c r="P148" s="322"/>
      <c r="Q148" s="322"/>
      <c r="R148" s="322"/>
      <c r="S148" s="322"/>
      <c r="T148" s="227"/>
      <c r="U148" s="227"/>
      <c r="V148" s="227"/>
      <c r="W148" s="227"/>
      <c r="X148" s="227"/>
      <c r="Y148" s="227"/>
      <c r="Z148" s="227"/>
      <c r="AA148" s="227"/>
      <c r="AB148" s="227"/>
      <c r="AC148" s="227"/>
      <c r="AD148" s="227"/>
      <c r="AE148" s="227"/>
      <c r="AF148" s="227"/>
      <c r="AG148" s="227"/>
      <c r="AH148" s="227"/>
      <c r="AI148" s="227"/>
      <c r="AJ148" s="227"/>
      <c r="AK148" s="257"/>
      <c r="AL148" s="257"/>
      <c r="AM148" s="257"/>
      <c r="AN148" s="257"/>
      <c r="AO148" s="257"/>
      <c r="AP148" s="257"/>
      <c r="AQ148" s="257"/>
      <c r="AR148" s="257"/>
      <c r="AS148" s="257"/>
    </row>
    <row r="149" spans="1:49" ht="51.75" customHeight="1">
      <c r="A149" s="388" t="s">
        <v>506</v>
      </c>
      <c r="B149" s="388"/>
      <c r="C149" s="388"/>
      <c r="D149" s="388"/>
      <c r="E149" s="388"/>
      <c r="F149" s="388"/>
      <c r="G149" s="388"/>
      <c r="H149" s="388"/>
      <c r="I149" s="388"/>
      <c r="J149" s="388"/>
      <c r="K149" s="388"/>
      <c r="L149" s="388"/>
      <c r="M149" s="388"/>
      <c r="N149" s="388"/>
      <c r="O149" s="388"/>
      <c r="P149" s="388"/>
      <c r="Q149" s="388"/>
      <c r="R149" s="388"/>
      <c r="S149" s="388"/>
      <c r="T149" s="258"/>
      <c r="U149" s="258"/>
      <c r="V149" s="258"/>
      <c r="W149" s="258"/>
      <c r="X149" s="258"/>
      <c r="Y149" s="258"/>
      <c r="Z149" s="258"/>
      <c r="AA149" s="258"/>
      <c r="AB149" s="258"/>
      <c r="AC149" s="258"/>
      <c r="AD149" s="258"/>
      <c r="AE149" s="258"/>
      <c r="AF149" s="258"/>
      <c r="AG149" s="258"/>
      <c r="AH149" s="258"/>
      <c r="AI149" s="258"/>
      <c r="AJ149" s="258"/>
      <c r="AK149" s="257"/>
      <c r="AL149" s="257"/>
      <c r="AM149" s="257"/>
      <c r="AN149" s="257"/>
      <c r="AO149" s="257"/>
      <c r="AP149" s="257"/>
      <c r="AQ149" s="257"/>
      <c r="AR149" s="257"/>
      <c r="AS149" s="257"/>
    </row>
    <row r="150" spans="1:49" ht="33" customHeight="1">
      <c r="A150" s="64"/>
      <c r="B150" s="364" t="s">
        <v>277</v>
      </c>
      <c r="C150" s="365"/>
      <c r="D150" s="365"/>
      <c r="E150" s="365"/>
      <c r="F150" s="365"/>
      <c r="G150" s="365"/>
      <c r="H150" s="365"/>
      <c r="I150" s="365"/>
      <c r="J150" s="366"/>
      <c r="K150" s="364" t="s">
        <v>278</v>
      </c>
      <c r="L150" s="365"/>
      <c r="M150" s="365"/>
      <c r="N150" s="365"/>
      <c r="O150" s="365"/>
      <c r="P150" s="365"/>
      <c r="Q150" s="365"/>
      <c r="R150" s="365"/>
      <c r="S150" s="366"/>
      <c r="T150" s="257"/>
      <c r="U150" s="257"/>
      <c r="V150" s="257"/>
      <c r="W150" s="257"/>
      <c r="X150" s="257"/>
      <c r="Y150" s="257"/>
      <c r="Z150" s="257"/>
      <c r="AA150" s="257"/>
      <c r="AB150" s="257"/>
      <c r="AC150" s="257"/>
      <c r="AD150" s="257"/>
      <c r="AE150" s="257"/>
      <c r="AF150" s="257"/>
      <c r="AG150" s="257"/>
      <c r="AH150" s="257"/>
      <c r="AI150" s="257"/>
      <c r="AJ150" s="257"/>
      <c r="AK150" s="257"/>
      <c r="AL150" s="257"/>
      <c r="AM150" s="257"/>
      <c r="AN150" s="257"/>
      <c r="AO150" s="257"/>
      <c r="AP150" s="257"/>
      <c r="AQ150" s="257"/>
      <c r="AR150" s="257"/>
      <c r="AS150" s="257"/>
      <c r="AT150" s="257"/>
      <c r="AU150" s="257"/>
      <c r="AV150" s="257"/>
      <c r="AW150" s="257"/>
    </row>
    <row r="151" spans="1:49" ht="41.25" customHeight="1">
      <c r="A151" s="37" t="s">
        <v>85</v>
      </c>
      <c r="B151" s="38" t="s">
        <v>86</v>
      </c>
      <c r="C151" s="38" t="s">
        <v>367</v>
      </c>
      <c r="D151" s="89" t="s">
        <v>162</v>
      </c>
      <c r="E151" s="38" t="s">
        <v>368</v>
      </c>
      <c r="F151" s="89" t="s">
        <v>163</v>
      </c>
      <c r="G151" s="38" t="s">
        <v>369</v>
      </c>
      <c r="H151" s="89" t="s">
        <v>136</v>
      </c>
      <c r="I151" s="38" t="s">
        <v>356</v>
      </c>
      <c r="J151" s="89" t="s">
        <v>370</v>
      </c>
      <c r="K151" s="65" t="s">
        <v>86</v>
      </c>
      <c r="L151" s="65" t="s">
        <v>367</v>
      </c>
      <c r="M151" s="88" t="s">
        <v>162</v>
      </c>
      <c r="N151" s="65" t="s">
        <v>368</v>
      </c>
      <c r="O151" s="88" t="s">
        <v>163</v>
      </c>
      <c r="P151" s="65" t="s">
        <v>369</v>
      </c>
      <c r="Q151" s="260" t="s">
        <v>136</v>
      </c>
      <c r="R151" s="277" t="s">
        <v>356</v>
      </c>
      <c r="S151" s="88" t="s">
        <v>370</v>
      </c>
      <c r="T151" s="257"/>
      <c r="U151" s="257"/>
      <c r="V151" s="257"/>
      <c r="W151" s="257"/>
      <c r="X151" s="257"/>
      <c r="Y151" s="257"/>
      <c r="Z151" s="257"/>
      <c r="AA151" s="257"/>
      <c r="AB151" s="257"/>
      <c r="AC151" s="257"/>
      <c r="AD151" s="257"/>
      <c r="AE151" s="257"/>
      <c r="AF151" s="257"/>
      <c r="AG151" s="257"/>
      <c r="AH151" s="257"/>
      <c r="AI151" s="257"/>
      <c r="AJ151" s="257"/>
      <c r="AK151" s="257"/>
      <c r="AL151" s="257"/>
      <c r="AM151" s="257"/>
      <c r="AN151" s="257"/>
      <c r="AO151" s="257"/>
      <c r="AP151" s="257"/>
      <c r="AQ151" s="257"/>
      <c r="AR151" s="257"/>
      <c r="AS151" s="257"/>
      <c r="AT151" s="257"/>
      <c r="AU151" s="257"/>
      <c r="AV151" s="257"/>
      <c r="AW151" s="257"/>
    </row>
    <row r="152" spans="1:49" ht="72">
      <c r="A152" s="41"/>
      <c r="B152" s="42" t="s">
        <v>89</v>
      </c>
      <c r="C152" s="42" t="s">
        <v>181</v>
      </c>
      <c r="D152" s="91" t="s">
        <v>104</v>
      </c>
      <c r="E152" s="42" t="s">
        <v>182</v>
      </c>
      <c r="F152" s="91" t="s">
        <v>104</v>
      </c>
      <c r="G152" s="42" t="s">
        <v>183</v>
      </c>
      <c r="H152" s="91" t="s">
        <v>104</v>
      </c>
      <c r="I152" s="42" t="s">
        <v>356</v>
      </c>
      <c r="J152" s="91" t="s">
        <v>104</v>
      </c>
      <c r="K152" s="68" t="s">
        <v>89</v>
      </c>
      <c r="L152" s="68" t="s">
        <v>181</v>
      </c>
      <c r="M152" s="90" t="s">
        <v>104</v>
      </c>
      <c r="N152" s="68" t="s">
        <v>182</v>
      </c>
      <c r="O152" s="90" t="s">
        <v>104</v>
      </c>
      <c r="P152" s="68" t="s">
        <v>183</v>
      </c>
      <c r="Q152" s="274" t="s">
        <v>104</v>
      </c>
      <c r="R152" s="278" t="s">
        <v>356</v>
      </c>
      <c r="S152" s="90" t="s">
        <v>104</v>
      </c>
    </row>
    <row r="153" spans="1:49">
      <c r="A153" s="45" t="s">
        <v>434</v>
      </c>
      <c r="B153" s="194">
        <v>10994</v>
      </c>
      <c r="C153" s="196">
        <v>0.217</v>
      </c>
      <c r="D153" s="94">
        <v>7.8624575307479055E-3</v>
      </c>
      <c r="E153" s="196">
        <v>0.157</v>
      </c>
      <c r="F153" s="94">
        <v>6.9402815415828926E-3</v>
      </c>
      <c r="G153" s="196">
        <v>0.61599999999999999</v>
      </c>
      <c r="H153" s="94">
        <v>9.2755162322826542E-3</v>
      </c>
      <c r="I153" s="196">
        <v>0.01</v>
      </c>
      <c r="J153" s="94">
        <v>1.9142005459587045E-3</v>
      </c>
      <c r="K153" s="194">
        <v>10936</v>
      </c>
      <c r="L153" s="196">
        <v>0.23499999999999999</v>
      </c>
      <c r="M153" s="94">
        <v>8.1086394769137194E-3</v>
      </c>
      <c r="N153" s="196">
        <v>0.16400000000000001</v>
      </c>
      <c r="O153" s="94">
        <v>7.0823451583750634E-3</v>
      </c>
      <c r="P153" s="196">
        <v>0.58499999999999996</v>
      </c>
      <c r="Q153" s="275">
        <v>9.4216732988684944E-3</v>
      </c>
      <c r="R153" s="196">
        <v>1.6E-2</v>
      </c>
      <c r="S153" s="94">
        <v>2.4122835457088109E-3</v>
      </c>
    </row>
    <row r="154" spans="1:49">
      <c r="A154" s="49" t="s">
        <v>435</v>
      </c>
      <c r="B154" s="195">
        <v>8846</v>
      </c>
      <c r="C154" s="197">
        <v>0.27100000000000002</v>
      </c>
      <c r="D154" s="97">
        <v>9.4505885646016148E-3</v>
      </c>
      <c r="E154" s="197">
        <v>0.17199999999999999</v>
      </c>
      <c r="F154" s="97">
        <v>8.0257559714557187E-3</v>
      </c>
      <c r="G154" s="197">
        <v>0.55200000000000005</v>
      </c>
      <c r="H154" s="97">
        <v>1.0572289624566604E-2</v>
      </c>
      <c r="I154" s="197">
        <v>5.0000000000000001E-3</v>
      </c>
      <c r="J154" s="97">
        <v>1.5325384533886575E-3</v>
      </c>
      <c r="K154" s="195">
        <v>8788</v>
      </c>
      <c r="L154" s="197">
        <v>0.30599999999999999</v>
      </c>
      <c r="M154" s="97">
        <v>9.8301831780381651E-3</v>
      </c>
      <c r="N154" s="197">
        <v>0.16300000000000001</v>
      </c>
      <c r="O154" s="97">
        <v>7.8814670423614352E-3</v>
      </c>
      <c r="P154" s="197">
        <v>0.51700000000000002</v>
      </c>
      <c r="Q154" s="276">
        <v>1.065872412000966E-2</v>
      </c>
      <c r="R154" s="197">
        <v>1.4999999999999999E-2</v>
      </c>
      <c r="S154" s="97">
        <v>2.6113933540104304E-3</v>
      </c>
    </row>
    <row r="155" spans="1:49">
      <c r="A155" s="45" t="s">
        <v>436</v>
      </c>
      <c r="B155" s="194">
        <v>1981</v>
      </c>
      <c r="C155" s="196">
        <v>0.11840000000000001</v>
      </c>
      <c r="D155" s="94">
        <v>1.454379121715217E-2</v>
      </c>
      <c r="E155" s="196">
        <v>0.1258</v>
      </c>
      <c r="F155" s="94">
        <v>1.4924706173141757E-2</v>
      </c>
      <c r="G155" s="196">
        <v>0.74</v>
      </c>
      <c r="H155" s="94">
        <v>1.9702160485177807E-2</v>
      </c>
      <c r="I155" s="196">
        <v>1.5800000000000002E-2</v>
      </c>
      <c r="J155" s="94">
        <v>5.7652294295213189E-3</v>
      </c>
      <c r="K155" s="194">
        <v>1977</v>
      </c>
      <c r="L155" s="196">
        <v>0.13400000000000001</v>
      </c>
      <c r="M155" s="94">
        <v>1.5342919645146553E-2</v>
      </c>
      <c r="N155" s="196">
        <v>0.14299999999999999</v>
      </c>
      <c r="O155" s="94">
        <v>1.5763597186087424E-2</v>
      </c>
      <c r="P155" s="196">
        <v>0.70889999999999997</v>
      </c>
      <c r="Q155" s="275">
        <v>2.0421447639730615E-2</v>
      </c>
      <c r="R155" s="196">
        <v>1.41E-2</v>
      </c>
      <c r="S155" s="94">
        <v>5.4765214894881694E-3</v>
      </c>
    </row>
    <row r="156" spans="1:49">
      <c r="A156" s="49" t="s">
        <v>437</v>
      </c>
      <c r="B156" s="195">
        <v>3070</v>
      </c>
      <c r="C156" s="197">
        <v>0.23</v>
      </c>
      <c r="D156" s="97">
        <v>1.5188668035522643E-2</v>
      </c>
      <c r="E156" s="197">
        <v>0.152</v>
      </c>
      <c r="F156" s="97">
        <v>1.2966648813991044E-2</v>
      </c>
      <c r="G156" s="197">
        <v>0.61</v>
      </c>
      <c r="H156" s="97">
        <v>1.759559703559534E-2</v>
      </c>
      <c r="I156" s="197">
        <v>8.9999999999999993E-3</v>
      </c>
      <c r="J156" s="97">
        <v>3.5244288165626816E-3</v>
      </c>
      <c r="K156" s="195">
        <v>3056</v>
      </c>
      <c r="L156" s="197">
        <v>0.24399999999999999</v>
      </c>
      <c r="M156" s="97">
        <v>1.5535547429657185E-2</v>
      </c>
      <c r="N156" s="197">
        <v>0.161</v>
      </c>
      <c r="O156" s="97">
        <v>1.3302869644136364E-2</v>
      </c>
      <c r="P156" s="197">
        <v>0.57699999999999996</v>
      </c>
      <c r="Q156" s="276">
        <v>1.7862455258795804E-2</v>
      </c>
      <c r="R156" s="197">
        <v>1.9E-2</v>
      </c>
      <c r="S156" s="97">
        <v>5.0154623689839346E-3</v>
      </c>
    </row>
    <row r="157" spans="1:49">
      <c r="A157" s="45" t="s">
        <v>438</v>
      </c>
      <c r="B157" s="194">
        <v>2479</v>
      </c>
      <c r="C157" s="196">
        <v>0.27600000000000002</v>
      </c>
      <c r="D157" s="94">
        <v>1.7949027586029152E-2</v>
      </c>
      <c r="E157" s="196">
        <v>0.16600000000000001</v>
      </c>
      <c r="F157" s="94">
        <v>1.4953445477509344E-2</v>
      </c>
      <c r="G157" s="196">
        <v>0.55500000000000005</v>
      </c>
      <c r="H157" s="94">
        <v>1.9946959002773861E-2</v>
      </c>
      <c r="I157" s="196">
        <v>3.0000000000000001E-3</v>
      </c>
      <c r="J157" s="94">
        <v>2.4696953376765599E-3</v>
      </c>
      <c r="K157" s="194">
        <v>2465</v>
      </c>
      <c r="L157" s="196">
        <v>0.314</v>
      </c>
      <c r="M157" s="94">
        <v>1.8685693294683559E-2</v>
      </c>
      <c r="N157" s="196">
        <v>0.17399999999999999</v>
      </c>
      <c r="O157" s="94">
        <v>1.5277536366738963E-2</v>
      </c>
      <c r="P157" s="196">
        <v>0.49299999999999999</v>
      </c>
      <c r="Q157" s="275">
        <v>2.0123199270249907E-2</v>
      </c>
      <c r="R157" s="196">
        <v>1.9E-2</v>
      </c>
      <c r="S157" s="94">
        <v>5.6044944673375131E-3</v>
      </c>
    </row>
    <row r="158" spans="1:49">
      <c r="A158" s="49" t="s">
        <v>449</v>
      </c>
      <c r="B158" s="195">
        <v>295</v>
      </c>
      <c r="C158" s="197">
        <v>0.184</v>
      </c>
      <c r="D158" s="97">
        <v>4.5211929245570923E-2</v>
      </c>
      <c r="E158" s="197">
        <v>0.14799999999999999</v>
      </c>
      <c r="F158" s="97">
        <v>4.160476275574549E-2</v>
      </c>
      <c r="G158" s="197">
        <v>0.65700000000000003</v>
      </c>
      <c r="H158" s="97">
        <v>5.4986297303323446E-2</v>
      </c>
      <c r="I158" s="197">
        <v>1.0999999999999999E-2</v>
      </c>
      <c r="J158" s="97">
        <v>1.5184083843359036E-2</v>
      </c>
      <c r="K158" s="195">
        <v>295</v>
      </c>
      <c r="L158" s="197">
        <v>0.28499999999999998</v>
      </c>
      <c r="M158" s="97">
        <v>5.2369093550729412E-2</v>
      </c>
      <c r="N158" s="197">
        <v>0.14000000000000001</v>
      </c>
      <c r="O158" s="97">
        <v>4.0703572219130839E-2</v>
      </c>
      <c r="P158" s="197">
        <v>0.54800000000000004</v>
      </c>
      <c r="Q158" s="276">
        <v>5.757150367434688E-2</v>
      </c>
      <c r="R158" s="197">
        <v>2.7E-2</v>
      </c>
      <c r="S158" s="97">
        <v>2.076046527861896E-2</v>
      </c>
    </row>
    <row r="159" spans="1:49">
      <c r="A159" s="45" t="s">
        <v>439</v>
      </c>
      <c r="B159" s="194">
        <v>146</v>
      </c>
      <c r="C159" s="196">
        <v>0.151</v>
      </c>
      <c r="D159" s="94">
        <v>5.9912923322410473E-2</v>
      </c>
      <c r="E159" s="196">
        <v>0.14099999999999999</v>
      </c>
      <c r="F159" s="94">
        <v>5.8401142596635841E-2</v>
      </c>
      <c r="G159" s="196">
        <v>0.70799999999999996</v>
      </c>
      <c r="H159" s="94">
        <v>7.4657019821263909E-2</v>
      </c>
      <c r="I159" s="196">
        <v>0</v>
      </c>
      <c r="J159" s="94">
        <v>1.8730051116182648E-2</v>
      </c>
      <c r="K159" s="194">
        <v>147</v>
      </c>
      <c r="L159" s="196">
        <v>0.26100000000000001</v>
      </c>
      <c r="M159" s="94">
        <v>7.2031118181855383E-2</v>
      </c>
      <c r="N159" s="196">
        <v>0.155</v>
      </c>
      <c r="O159" s="94">
        <v>6.0285729723335943E-2</v>
      </c>
      <c r="P159" s="196">
        <v>0.58399999999999996</v>
      </c>
      <c r="Q159" s="275">
        <v>8.0283087949267737E-2</v>
      </c>
      <c r="R159" s="196">
        <v>0</v>
      </c>
      <c r="S159" s="94">
        <v>1.8606843582156651E-2</v>
      </c>
    </row>
    <row r="160" spans="1:49">
      <c r="A160" s="49" t="s">
        <v>440</v>
      </c>
      <c r="B160" s="195">
        <v>94</v>
      </c>
      <c r="C160" s="197">
        <v>0.28000000000000003</v>
      </c>
      <c r="D160" s="97">
        <v>9.1578089202516325E-2</v>
      </c>
      <c r="E160" s="197">
        <v>0.16700000000000001</v>
      </c>
      <c r="F160" s="97">
        <v>7.7717023386517786E-2</v>
      </c>
      <c r="G160" s="197">
        <v>0.55200000000000005</v>
      </c>
      <c r="H160" s="97">
        <v>0.10051139236967152</v>
      </c>
      <c r="I160" s="197">
        <v>0</v>
      </c>
      <c r="J160" s="97">
        <v>2.8565478049949598E-2</v>
      </c>
      <c r="K160" s="195">
        <v>94</v>
      </c>
      <c r="L160" s="197">
        <v>0.42199999999999999</v>
      </c>
      <c r="M160" s="97">
        <v>9.9877990320121679E-2</v>
      </c>
      <c r="N160" s="197">
        <v>0.13700000000000001</v>
      </c>
      <c r="O160" s="97">
        <v>7.2497186301308567E-2</v>
      </c>
      <c r="P160" s="197">
        <v>0.375</v>
      </c>
      <c r="Q160" s="276">
        <v>9.8067964642517852E-2</v>
      </c>
      <c r="R160" s="197">
        <v>6.6000000000000003E-2</v>
      </c>
      <c r="S160" s="97">
        <v>5.5954137226122073E-2</v>
      </c>
    </row>
    <row r="161" spans="1:19">
      <c r="A161" s="45" t="s">
        <v>475</v>
      </c>
      <c r="B161" s="194">
        <v>264</v>
      </c>
      <c r="C161" s="196">
        <v>0.36699999999999999</v>
      </c>
      <c r="D161" s="94">
        <v>5.8950407861244232E-2</v>
      </c>
      <c r="E161" s="196">
        <v>0.151</v>
      </c>
      <c r="F161" s="94">
        <v>4.4354023111161364E-2</v>
      </c>
      <c r="G161" s="196">
        <v>0.47099999999999997</v>
      </c>
      <c r="H161" s="94">
        <v>6.098494029061774E-2</v>
      </c>
      <c r="I161" s="196">
        <v>1.0999999999999999E-2</v>
      </c>
      <c r="J161" s="94">
        <v>1.637420253832346E-2</v>
      </c>
      <c r="K161" s="194">
        <v>264</v>
      </c>
      <c r="L161" s="196">
        <v>0.39400000000000002</v>
      </c>
      <c r="M161" s="94">
        <v>5.973784769665464E-2</v>
      </c>
      <c r="N161" s="196">
        <v>0.152</v>
      </c>
      <c r="O161" s="94">
        <v>4.4467675133645974E-2</v>
      </c>
      <c r="P161" s="196">
        <v>0.41399999999999998</v>
      </c>
      <c r="Q161" s="275">
        <v>6.0201543161708733E-2</v>
      </c>
      <c r="R161" s="196">
        <v>0.04</v>
      </c>
      <c r="S161" s="94">
        <v>2.5820644425682628E-2</v>
      </c>
    </row>
    <row r="162" spans="1:19">
      <c r="A162" s="49" t="s">
        <v>441</v>
      </c>
      <c r="B162" s="195">
        <v>83</v>
      </c>
      <c r="C162" s="197">
        <v>0.46100000000000002</v>
      </c>
      <c r="D162" s="97">
        <v>0.10691400494241665</v>
      </c>
      <c r="E162" s="197">
        <v>0.13800000000000001</v>
      </c>
      <c r="F162" s="97">
        <v>7.7527603083069996E-2</v>
      </c>
      <c r="G162" s="197">
        <v>0.40100000000000002</v>
      </c>
      <c r="H162" s="97">
        <v>0.10528112845416839</v>
      </c>
      <c r="I162" s="197">
        <v>0</v>
      </c>
      <c r="J162" s="97">
        <v>3.2134798233390625E-2</v>
      </c>
      <c r="K162" s="195">
        <v>83</v>
      </c>
      <c r="L162" s="197">
        <v>0.53800000000000003</v>
      </c>
      <c r="M162" s="97">
        <v>0.10692907288465958</v>
      </c>
      <c r="N162" s="197">
        <v>0.10299999999999999</v>
      </c>
      <c r="O162" s="97">
        <v>6.999199107414536E-2</v>
      </c>
      <c r="P162" s="197">
        <v>0.309</v>
      </c>
      <c r="Q162" s="276">
        <v>9.9838135217946225E-2</v>
      </c>
      <c r="R162" s="197">
        <v>0.05</v>
      </c>
      <c r="S162" s="97">
        <v>5.4957717424876727E-2</v>
      </c>
    </row>
    <row r="163" spans="1:19" ht="25.5">
      <c r="A163" s="45" t="s">
        <v>442</v>
      </c>
      <c r="B163" s="194">
        <v>106</v>
      </c>
      <c r="C163" s="196">
        <v>0.36699999999999999</v>
      </c>
      <c r="D163" s="94">
        <v>9.2160745403008573E-2</v>
      </c>
      <c r="E163" s="196">
        <v>0.21199999999999999</v>
      </c>
      <c r="F163" s="94">
        <v>7.931034849192975E-2</v>
      </c>
      <c r="G163" s="196">
        <v>0.40200000000000002</v>
      </c>
      <c r="H163" s="94">
        <v>9.3630176414374711E-2</v>
      </c>
      <c r="I163" s="196">
        <v>0.02</v>
      </c>
      <c r="J163" s="94">
        <v>3.6207333500945425E-2</v>
      </c>
      <c r="K163" s="194">
        <v>106</v>
      </c>
      <c r="L163" s="196">
        <v>0.32700000000000001</v>
      </c>
      <c r="M163" s="94">
        <v>8.9890454343710527E-2</v>
      </c>
      <c r="N163" s="196">
        <v>0.221</v>
      </c>
      <c r="O163" s="94">
        <v>8.0389332939690167E-2</v>
      </c>
      <c r="P163" s="196">
        <v>0.4</v>
      </c>
      <c r="Q163" s="275">
        <v>9.3558741797823933E-2</v>
      </c>
      <c r="R163" s="196">
        <v>5.1999999999999998E-2</v>
      </c>
      <c r="S163" s="94">
        <v>4.810112863028411E-2</v>
      </c>
    </row>
    <row r="164" spans="1:19">
      <c r="A164" s="49" t="s">
        <v>462</v>
      </c>
      <c r="B164" s="195">
        <v>71</v>
      </c>
      <c r="C164" s="197">
        <v>0.26600000000000001</v>
      </c>
      <c r="D164" s="97">
        <v>0.10351911632801612</v>
      </c>
      <c r="E164" s="197">
        <v>0.11600000000000001</v>
      </c>
      <c r="F164" s="97">
        <v>7.9281173755186049E-2</v>
      </c>
      <c r="G164" s="197">
        <v>0.60499999999999998</v>
      </c>
      <c r="H164" s="97">
        <v>0.11316528089480449</v>
      </c>
      <c r="I164" s="197">
        <v>1.2999999999999999E-2</v>
      </c>
      <c r="J164" s="97">
        <v>4.4694168223440356E-2</v>
      </c>
      <c r="K164" s="195">
        <v>71</v>
      </c>
      <c r="L164" s="197">
        <v>0.32100000000000001</v>
      </c>
      <c r="M164" s="97">
        <v>0.10863653598361152</v>
      </c>
      <c r="N164" s="197">
        <v>0.14099999999999999</v>
      </c>
      <c r="O164" s="97">
        <v>8.4695442403070614E-2</v>
      </c>
      <c r="P164" s="197">
        <v>0.51700000000000002</v>
      </c>
      <c r="Q164" s="276">
        <v>0.11541022591832371</v>
      </c>
      <c r="R164" s="197">
        <v>2.1000000000000001E-2</v>
      </c>
      <c r="S164" s="97">
        <v>4.8651179904233302E-2</v>
      </c>
    </row>
    <row r="165" spans="1:19">
      <c r="A165" s="45" t="s">
        <v>450</v>
      </c>
      <c r="B165" s="194">
        <v>309</v>
      </c>
      <c r="C165" s="196">
        <v>0.20399999999999999</v>
      </c>
      <c r="D165" s="94">
        <v>4.5865350561558306E-2</v>
      </c>
      <c r="E165" s="196">
        <v>0.12</v>
      </c>
      <c r="F165" s="94">
        <v>3.7368239551920104E-2</v>
      </c>
      <c r="G165" s="196">
        <v>0.66700000000000004</v>
      </c>
      <c r="H165" s="94">
        <v>5.3362257443047435E-2</v>
      </c>
      <c r="I165" s="196">
        <v>0.01</v>
      </c>
      <c r="J165" s="94">
        <v>1.429829579877665E-2</v>
      </c>
      <c r="K165" s="194">
        <v>307</v>
      </c>
      <c r="L165" s="196">
        <v>0.20699999999999999</v>
      </c>
      <c r="M165" s="94">
        <v>4.6254591554158252E-2</v>
      </c>
      <c r="N165" s="196">
        <v>0.13800000000000001</v>
      </c>
      <c r="O165" s="94">
        <v>3.9661790256779517E-2</v>
      </c>
      <c r="P165" s="196">
        <v>0.65100000000000002</v>
      </c>
      <c r="Q165" s="275">
        <v>5.4126414976623599E-2</v>
      </c>
      <c r="R165" s="196">
        <v>4.0000000000000001E-3</v>
      </c>
      <c r="S165" s="94">
        <v>1.1493987712281769E-2</v>
      </c>
    </row>
    <row r="166" spans="1:19">
      <c r="A166" s="49" t="s">
        <v>443</v>
      </c>
      <c r="B166" s="195">
        <v>160</v>
      </c>
      <c r="C166" s="197">
        <v>0.24199999999999999</v>
      </c>
      <c r="D166" s="97">
        <v>6.7470576519681552E-2</v>
      </c>
      <c r="E166" s="197">
        <v>0.114</v>
      </c>
      <c r="F166" s="97">
        <v>5.1367509477049635E-2</v>
      </c>
      <c r="G166" s="197">
        <v>0.621</v>
      </c>
      <c r="H166" s="97">
        <v>7.5879314547693796E-2</v>
      </c>
      <c r="I166" s="197">
        <v>2.3E-2</v>
      </c>
      <c r="J166" s="97">
        <v>2.8556585780354912E-2</v>
      </c>
      <c r="K166" s="195">
        <v>160</v>
      </c>
      <c r="L166" s="197">
        <v>0.19600000000000001</v>
      </c>
      <c r="M166" s="97">
        <v>6.2865927946867753E-2</v>
      </c>
      <c r="N166" s="197">
        <v>0.125</v>
      </c>
      <c r="O166" s="97">
        <v>5.3225498321716205E-2</v>
      </c>
      <c r="P166" s="197">
        <v>0.67800000000000005</v>
      </c>
      <c r="Q166" s="276">
        <v>7.3225797245371274E-2</v>
      </c>
      <c r="R166" s="197">
        <v>0</v>
      </c>
      <c r="S166" s="97">
        <v>1.7141022646310424E-2</v>
      </c>
    </row>
    <row r="167" spans="1:19">
      <c r="A167" s="57" t="s">
        <v>444</v>
      </c>
      <c r="B167" s="194">
        <v>149</v>
      </c>
      <c r="C167" s="196">
        <v>0.17699999999999999</v>
      </c>
      <c r="D167" s="94">
        <v>6.2842224360630222E-2</v>
      </c>
      <c r="E167" s="196">
        <v>0.124</v>
      </c>
      <c r="F167" s="94">
        <v>5.5050678722904256E-2</v>
      </c>
      <c r="G167" s="196">
        <v>0.7</v>
      </c>
      <c r="H167" s="94">
        <v>7.4459123910300754E-2</v>
      </c>
      <c r="I167" s="196">
        <v>0</v>
      </c>
      <c r="J167" s="94">
        <v>1.8365227853566944E-2</v>
      </c>
      <c r="K167" s="194">
        <v>147</v>
      </c>
      <c r="L167" s="196">
        <v>0.215</v>
      </c>
      <c r="M167" s="94">
        <v>6.7700414029893741E-2</v>
      </c>
      <c r="N167" s="196">
        <v>0.14599999999999999</v>
      </c>
      <c r="O167" s="94">
        <v>5.896127836600791E-2</v>
      </c>
      <c r="P167" s="196">
        <v>0.63200000000000001</v>
      </c>
      <c r="Q167" s="275">
        <v>7.8645301303406079E-2</v>
      </c>
      <c r="R167" s="196">
        <v>6.0000000000000001E-3</v>
      </c>
      <c r="S167" s="94">
        <v>2.2269757225663607E-2</v>
      </c>
    </row>
    <row r="168" spans="1:19">
      <c r="A168" s="49" t="s">
        <v>451</v>
      </c>
      <c r="B168" s="195">
        <v>91</v>
      </c>
      <c r="C168" s="197">
        <v>0.24299999999999999</v>
      </c>
      <c r="D168" s="97">
        <v>8.9300421610975303E-2</v>
      </c>
      <c r="E168" s="197">
        <v>0.17199999999999999</v>
      </c>
      <c r="F168" s="97">
        <v>7.9811613618976471E-2</v>
      </c>
      <c r="G168" s="197">
        <v>0.57499999999999996</v>
      </c>
      <c r="H168" s="97">
        <v>0.10153323788921378</v>
      </c>
      <c r="I168" s="197">
        <v>1.0999999999999999E-2</v>
      </c>
      <c r="J168" s="97">
        <v>3.5889643037080442E-2</v>
      </c>
      <c r="K168" s="195">
        <v>89</v>
      </c>
      <c r="L168" s="197">
        <v>0.23899999999999999</v>
      </c>
      <c r="M168" s="97">
        <v>8.9829672095021296E-2</v>
      </c>
      <c r="N168" s="197">
        <v>0.218</v>
      </c>
      <c r="O168" s="97">
        <v>8.7293759589257863E-2</v>
      </c>
      <c r="P168" s="197">
        <v>0.52200000000000002</v>
      </c>
      <c r="Q168" s="276">
        <v>0.10360320064906375</v>
      </c>
      <c r="R168" s="197">
        <v>2.1000000000000001E-2</v>
      </c>
      <c r="S168" s="97">
        <v>4.1411344146404794E-2</v>
      </c>
    </row>
    <row r="169" spans="1:19">
      <c r="A169" s="57" t="s">
        <v>452</v>
      </c>
      <c r="B169" s="194">
        <v>320</v>
      </c>
      <c r="C169" s="196">
        <v>0.40200000000000002</v>
      </c>
      <c r="D169" s="94">
        <v>5.4504691382770927E-2</v>
      </c>
      <c r="E169" s="196">
        <v>0.17100000000000001</v>
      </c>
      <c r="F169" s="94">
        <v>4.2224432638981582E-2</v>
      </c>
      <c r="G169" s="196">
        <v>0.41699999999999998</v>
      </c>
      <c r="H169" s="94">
        <v>5.4803808191218904E-2</v>
      </c>
      <c r="I169" s="196">
        <v>1.0999999999999999E-2</v>
      </c>
      <c r="J169" s="94">
        <v>1.4378815180689968E-2</v>
      </c>
      <c r="K169" s="194">
        <v>320</v>
      </c>
      <c r="L169" s="196">
        <v>0.36199999999999999</v>
      </c>
      <c r="M169" s="94">
        <v>5.3451641882635688E-2</v>
      </c>
      <c r="N169" s="196">
        <v>0.192</v>
      </c>
      <c r="O169" s="94">
        <v>4.4090796079958833E-2</v>
      </c>
      <c r="P169" s="196">
        <v>0.42599999999999999</v>
      </c>
      <c r="Q169" s="275">
        <v>5.4958837037275665E-2</v>
      </c>
      <c r="R169" s="196">
        <v>0.02</v>
      </c>
      <c r="S169" s="94">
        <v>1.7657150578539043E-2</v>
      </c>
    </row>
    <row r="170" spans="1:19">
      <c r="A170" s="49" t="s">
        <v>445</v>
      </c>
      <c r="B170" s="195">
        <v>104</v>
      </c>
      <c r="C170" s="197">
        <v>0.35499999999999998</v>
      </c>
      <c r="D170" s="97">
        <v>9.2396802600100525E-2</v>
      </c>
      <c r="E170" s="197">
        <v>0.17199999999999999</v>
      </c>
      <c r="F170" s="97">
        <v>7.459460999338377E-2</v>
      </c>
      <c r="G170" s="197">
        <v>0.45700000000000002</v>
      </c>
      <c r="H170" s="97">
        <v>9.5894507356665978E-2</v>
      </c>
      <c r="I170" s="197">
        <v>1.6E-2</v>
      </c>
      <c r="J170" s="97">
        <v>3.4840885665059128E-2</v>
      </c>
      <c r="K170" s="195">
        <v>103</v>
      </c>
      <c r="L170" s="197">
        <v>0.23899999999999999</v>
      </c>
      <c r="M170" s="97">
        <v>8.3582621197518553E-2</v>
      </c>
      <c r="N170" s="197">
        <v>0.155</v>
      </c>
      <c r="O170" s="97">
        <v>7.2268380321968514E-2</v>
      </c>
      <c r="P170" s="197">
        <v>0.60499999999999998</v>
      </c>
      <c r="Q170" s="276">
        <v>9.4677789361415854E-2</v>
      </c>
      <c r="R170" s="197">
        <v>0</v>
      </c>
      <c r="S170" s="97">
        <v>2.6185687246820841E-2</v>
      </c>
    </row>
    <row r="171" spans="1:19">
      <c r="A171" s="57" t="s">
        <v>446</v>
      </c>
      <c r="B171" s="194">
        <v>123</v>
      </c>
      <c r="C171" s="196">
        <v>0.51800000000000002</v>
      </c>
      <c r="D171" s="94">
        <v>8.8681698888783259E-2</v>
      </c>
      <c r="E171" s="196">
        <v>7.1999999999999995E-2</v>
      </c>
      <c r="F171" s="94">
        <v>4.9620109815536204E-2</v>
      </c>
      <c r="G171" s="196">
        <v>0.40899999999999997</v>
      </c>
      <c r="H171" s="94">
        <v>8.7346251518819348E-2</v>
      </c>
      <c r="I171" s="196">
        <v>1E-3</v>
      </c>
      <c r="J171" s="94">
        <v>2.275310336274531E-2</v>
      </c>
      <c r="K171" s="194">
        <v>122</v>
      </c>
      <c r="L171" s="196">
        <v>0.41399999999999998</v>
      </c>
      <c r="M171" s="94">
        <v>8.7842957552577788E-2</v>
      </c>
      <c r="N171" s="196">
        <v>0.23599999999999999</v>
      </c>
      <c r="O171" s="94">
        <v>7.6564922652428868E-2</v>
      </c>
      <c r="P171" s="196">
        <v>0.32200000000000001</v>
      </c>
      <c r="Q171" s="275">
        <v>8.362724380851902E-2</v>
      </c>
      <c r="R171" s="196">
        <v>2.8000000000000001E-2</v>
      </c>
      <c r="S171" s="94">
        <v>3.6137520321260365E-2</v>
      </c>
    </row>
    <row r="172" spans="1:19">
      <c r="A172" s="49" t="s">
        <v>447</v>
      </c>
      <c r="B172" s="195">
        <v>93</v>
      </c>
      <c r="C172" s="197">
        <v>0.30199999999999999</v>
      </c>
      <c r="D172" s="97">
        <v>9.3931901897039219E-2</v>
      </c>
      <c r="E172" s="197">
        <v>0.29499999999999998</v>
      </c>
      <c r="F172" s="97">
        <v>9.3360959166320465E-2</v>
      </c>
      <c r="G172" s="197">
        <v>0.38600000000000001</v>
      </c>
      <c r="H172" s="97">
        <v>9.9079003228811927E-2</v>
      </c>
      <c r="I172" s="197">
        <v>1.7000000000000001E-2</v>
      </c>
      <c r="J172" s="97">
        <v>3.8290599133727947E-2</v>
      </c>
      <c r="K172" s="195">
        <v>95</v>
      </c>
      <c r="L172" s="197">
        <v>0.42099999999999999</v>
      </c>
      <c r="M172" s="97">
        <v>9.9341902189733433E-2</v>
      </c>
      <c r="N172" s="197">
        <v>0.17299999999999999</v>
      </c>
      <c r="O172" s="97">
        <v>7.8247772001922122E-2</v>
      </c>
      <c r="P172" s="197">
        <v>0.374</v>
      </c>
      <c r="Q172" s="276">
        <v>9.7520987999639056E-2</v>
      </c>
      <c r="R172" s="197">
        <v>3.2000000000000001E-2</v>
      </c>
      <c r="S172" s="97">
        <v>4.4183892751348423E-2</v>
      </c>
    </row>
    <row r="173" spans="1:19">
      <c r="A173" s="57" t="s">
        <v>453</v>
      </c>
      <c r="B173" s="194">
        <v>100</v>
      </c>
      <c r="C173" s="196">
        <v>0.38600000000000001</v>
      </c>
      <c r="D173" s="94">
        <v>9.5672612320836778E-2</v>
      </c>
      <c r="E173" s="196">
        <v>0.111</v>
      </c>
      <c r="F173" s="94">
        <v>6.5072512597616469E-2</v>
      </c>
      <c r="G173" s="196">
        <v>0.503</v>
      </c>
      <c r="H173" s="94">
        <v>9.8056435671991932E-2</v>
      </c>
      <c r="I173" s="196">
        <v>0</v>
      </c>
      <c r="J173" s="94">
        <v>2.693364120714959E-2</v>
      </c>
      <c r="K173" s="194">
        <v>99</v>
      </c>
      <c r="L173" s="196">
        <v>0.33300000000000002</v>
      </c>
      <c r="M173" s="94">
        <v>9.3317513113117562E-2</v>
      </c>
      <c r="N173" s="196">
        <v>0.18</v>
      </c>
      <c r="O173" s="94">
        <v>7.7684690834666184E-2</v>
      </c>
      <c r="P173" s="196">
        <v>0.47399999999999998</v>
      </c>
      <c r="Q173" s="275">
        <v>9.8409780345629735E-2</v>
      </c>
      <c r="R173" s="196">
        <v>1.2E-2</v>
      </c>
      <c r="S173" s="94">
        <v>3.4129088844509395E-2</v>
      </c>
    </row>
    <row r="174" spans="1:19">
      <c r="A174" s="49" t="s">
        <v>459</v>
      </c>
      <c r="B174" s="195">
        <v>369</v>
      </c>
      <c r="C174" s="197">
        <v>0.13</v>
      </c>
      <c r="D174" s="97">
        <v>3.5273036792719259E-2</v>
      </c>
      <c r="E174" s="197">
        <v>0.111</v>
      </c>
      <c r="F174" s="97">
        <v>3.3058091451645233E-2</v>
      </c>
      <c r="G174" s="197">
        <v>0.74</v>
      </c>
      <c r="H174" s="97">
        <v>4.5568057655732928E-2</v>
      </c>
      <c r="I174" s="197">
        <v>0.02</v>
      </c>
      <c r="J174" s="97">
        <v>1.6214070177026859E-2</v>
      </c>
      <c r="K174" s="195">
        <v>369</v>
      </c>
      <c r="L174" s="197">
        <v>8.7999999999999995E-2</v>
      </c>
      <c r="M174" s="97">
        <v>2.9991437781286982E-2</v>
      </c>
      <c r="N174" s="197">
        <v>0.13500000000000001</v>
      </c>
      <c r="O174" s="97">
        <v>3.5815591377913569E-2</v>
      </c>
      <c r="P174" s="197">
        <v>0.75800000000000001</v>
      </c>
      <c r="Q174" s="276">
        <v>4.4523812488800843E-2</v>
      </c>
      <c r="R174" s="197">
        <v>1.7999999999999999E-2</v>
      </c>
      <c r="S174" s="97">
        <v>1.5578944627554974E-2</v>
      </c>
    </row>
    <row r="177" spans="1:10" ht="18.75">
      <c r="A177" s="321" t="s">
        <v>432</v>
      </c>
      <c r="B177" s="321"/>
      <c r="C177" s="321"/>
      <c r="D177" s="321"/>
      <c r="E177" s="227"/>
      <c r="F177" s="227"/>
      <c r="G177" s="227"/>
      <c r="H177" s="227"/>
      <c r="I177" s="227"/>
      <c r="J177" s="249"/>
    </row>
    <row r="178" spans="1:10" ht="128.25" customHeight="1">
      <c r="A178" s="389" t="s">
        <v>507</v>
      </c>
      <c r="B178" s="389"/>
      <c r="C178" s="389"/>
      <c r="D178" s="389"/>
      <c r="E178" s="279"/>
      <c r="F178" s="279"/>
      <c r="G178" s="279"/>
      <c r="H178" s="279"/>
      <c r="I178" s="279"/>
    </row>
    <row r="179" spans="1:10" ht="36" customHeight="1">
      <c r="A179" s="371" t="s">
        <v>166</v>
      </c>
      <c r="B179" s="371"/>
      <c r="C179" s="371"/>
      <c r="D179" s="371"/>
    </row>
    <row r="180" spans="1:10" ht="40.5" customHeight="1">
      <c r="A180" s="37" t="s">
        <v>85</v>
      </c>
      <c r="B180" s="38" t="s">
        <v>86</v>
      </c>
      <c r="C180" s="39" t="s">
        <v>87</v>
      </c>
      <c r="D180" s="40" t="s">
        <v>88</v>
      </c>
    </row>
    <row r="181" spans="1:10" ht="72">
      <c r="A181" s="41"/>
      <c r="B181" s="42" t="s">
        <v>89</v>
      </c>
      <c r="C181" s="128" t="s">
        <v>167</v>
      </c>
      <c r="D181" s="44" t="s">
        <v>91</v>
      </c>
    </row>
    <row r="182" spans="1:10">
      <c r="A182" s="45" t="s">
        <v>434</v>
      </c>
      <c r="B182" s="198">
        <v>10992</v>
      </c>
      <c r="C182" s="84">
        <v>3.79</v>
      </c>
      <c r="D182" s="85">
        <v>1.9599999999999999E-2</v>
      </c>
    </row>
    <row r="183" spans="1:10">
      <c r="A183" s="49" t="s">
        <v>435</v>
      </c>
      <c r="B183" s="49">
        <v>8875</v>
      </c>
      <c r="C183" s="202">
        <v>3.72</v>
      </c>
      <c r="D183" s="203">
        <v>1.9599999999999999E-2</v>
      </c>
    </row>
    <row r="184" spans="1:10">
      <c r="A184" s="45" t="s">
        <v>436</v>
      </c>
      <c r="B184" s="53">
        <v>1959</v>
      </c>
      <c r="C184" s="84">
        <v>4.0999999999999996</v>
      </c>
      <c r="D184" s="85">
        <v>5.8799999999999998E-2</v>
      </c>
    </row>
    <row r="185" spans="1:10">
      <c r="A185" s="49" t="s">
        <v>437</v>
      </c>
      <c r="B185" s="49">
        <v>3070</v>
      </c>
      <c r="C185" s="202">
        <v>3.76</v>
      </c>
      <c r="D185" s="203">
        <v>3.9199999999999999E-2</v>
      </c>
    </row>
    <row r="186" spans="1:10">
      <c r="A186" s="45" t="s">
        <v>438</v>
      </c>
      <c r="B186" s="53">
        <v>2486</v>
      </c>
      <c r="C186" s="84">
        <v>3.6</v>
      </c>
      <c r="D186" s="85">
        <v>5.8799999999999998E-2</v>
      </c>
    </row>
    <row r="187" spans="1:10">
      <c r="A187" s="49" t="s">
        <v>449</v>
      </c>
      <c r="B187" s="49">
        <v>294</v>
      </c>
      <c r="C187" s="202">
        <v>3.32</v>
      </c>
      <c r="D187" s="203">
        <v>0.13720000000000002</v>
      </c>
    </row>
    <row r="188" spans="1:10">
      <c r="A188" s="45" t="s">
        <v>439</v>
      </c>
      <c r="B188" s="53">
        <v>146</v>
      </c>
      <c r="C188" s="84">
        <v>3.33</v>
      </c>
      <c r="D188" s="85">
        <v>0.1764</v>
      </c>
    </row>
    <row r="189" spans="1:10">
      <c r="A189" s="49" t="s">
        <v>440</v>
      </c>
      <c r="B189" s="49">
        <v>94</v>
      </c>
      <c r="C189" s="202">
        <v>3.09</v>
      </c>
      <c r="D189" s="203">
        <v>0.25480000000000003</v>
      </c>
    </row>
    <row r="190" spans="1:10">
      <c r="A190" s="45" t="s">
        <v>475</v>
      </c>
      <c r="B190" s="53">
        <v>266</v>
      </c>
      <c r="C190" s="84">
        <v>3.02</v>
      </c>
      <c r="D190" s="85">
        <v>0.15679999999999999</v>
      </c>
    </row>
    <row r="191" spans="1:10">
      <c r="A191" s="49" t="s">
        <v>441</v>
      </c>
      <c r="B191" s="49">
        <v>83</v>
      </c>
      <c r="C191" s="202">
        <v>2.85</v>
      </c>
      <c r="D191" s="203">
        <v>0.25480000000000003</v>
      </c>
    </row>
    <row r="192" spans="1:10" ht="25.5">
      <c r="A192" s="45" t="s">
        <v>442</v>
      </c>
      <c r="B192" s="198">
        <v>108</v>
      </c>
      <c r="C192" s="84">
        <v>3.52</v>
      </c>
      <c r="D192" s="85">
        <v>0.23519999999999999</v>
      </c>
    </row>
    <row r="193" spans="1:46">
      <c r="A193" s="49" t="s">
        <v>462</v>
      </c>
      <c r="B193" s="201">
        <v>71</v>
      </c>
      <c r="C193" s="202">
        <v>2.64</v>
      </c>
      <c r="D193" s="203">
        <v>0.29399999999999998</v>
      </c>
    </row>
    <row r="194" spans="1:46">
      <c r="A194" s="45" t="s">
        <v>450</v>
      </c>
      <c r="B194" s="83">
        <v>309</v>
      </c>
      <c r="C194" s="84">
        <v>4.1100000000000003</v>
      </c>
      <c r="D194" s="85">
        <v>0.13720000000000002</v>
      </c>
    </row>
    <row r="195" spans="1:46">
      <c r="A195" s="49" t="s">
        <v>443</v>
      </c>
      <c r="B195" s="201">
        <v>158</v>
      </c>
      <c r="C195" s="202">
        <v>3.78</v>
      </c>
      <c r="D195" s="203">
        <v>0.19600000000000001</v>
      </c>
    </row>
    <row r="196" spans="1:46">
      <c r="A196" s="57" t="s">
        <v>444</v>
      </c>
      <c r="B196" s="198">
        <v>151</v>
      </c>
      <c r="C196" s="84">
        <v>4.34</v>
      </c>
      <c r="D196" s="85">
        <v>0.19600000000000001</v>
      </c>
    </row>
    <row r="197" spans="1:46">
      <c r="A197" s="49" t="s">
        <v>451</v>
      </c>
      <c r="B197" s="201">
        <v>92</v>
      </c>
      <c r="C197" s="202">
        <v>3.93</v>
      </c>
      <c r="D197" s="203">
        <v>0.25480000000000003</v>
      </c>
    </row>
    <row r="198" spans="1:46">
      <c r="A198" s="57" t="s">
        <v>452</v>
      </c>
      <c r="B198" s="198">
        <v>321</v>
      </c>
      <c r="C198" s="84">
        <v>3.32</v>
      </c>
      <c r="D198" s="85">
        <v>0.13720000000000002</v>
      </c>
    </row>
    <row r="199" spans="1:46">
      <c r="A199" s="49" t="s">
        <v>445</v>
      </c>
      <c r="B199" s="201">
        <v>104</v>
      </c>
      <c r="C199" s="202">
        <v>3.89</v>
      </c>
      <c r="D199" s="203">
        <v>0.25480000000000003</v>
      </c>
    </row>
    <row r="200" spans="1:46">
      <c r="A200" s="57" t="s">
        <v>446</v>
      </c>
      <c r="B200" s="198">
        <v>122</v>
      </c>
      <c r="C200" s="84">
        <v>3.1</v>
      </c>
      <c r="D200" s="85">
        <v>0.23519999999999999</v>
      </c>
    </row>
    <row r="201" spans="1:46">
      <c r="A201" s="49" t="s">
        <v>447</v>
      </c>
      <c r="B201" s="201">
        <v>95</v>
      </c>
      <c r="C201" s="202">
        <v>3</v>
      </c>
      <c r="D201" s="203">
        <v>0.25480000000000003</v>
      </c>
    </row>
    <row r="202" spans="1:46">
      <c r="A202" s="57" t="s">
        <v>453</v>
      </c>
      <c r="B202" s="198">
        <v>100</v>
      </c>
      <c r="C202" s="84">
        <v>3.52</v>
      </c>
      <c r="D202" s="85">
        <v>0.23519999999999999</v>
      </c>
    </row>
    <row r="203" spans="1:46">
      <c r="A203" s="49" t="s">
        <v>459</v>
      </c>
      <c r="B203" s="201">
        <v>365</v>
      </c>
      <c r="C203" s="202">
        <v>4.33</v>
      </c>
      <c r="D203" s="203">
        <v>0.13720000000000002</v>
      </c>
    </row>
    <row r="206" spans="1:46" ht="18.75">
      <c r="A206" s="321" t="s">
        <v>52</v>
      </c>
      <c r="B206" s="321"/>
      <c r="C206" s="321"/>
      <c r="D206" s="321"/>
      <c r="E206" s="321"/>
      <c r="F206" s="321"/>
      <c r="G206" s="321"/>
      <c r="H206" s="321"/>
      <c r="I206" s="321"/>
      <c r="J206" s="321"/>
      <c r="K206" s="321"/>
      <c r="L206" s="321"/>
      <c r="M206" s="321"/>
      <c r="N206" s="321"/>
      <c r="O206" s="321"/>
      <c r="P206" s="321"/>
      <c r="Q206" s="321"/>
      <c r="R206" s="321"/>
      <c r="S206" s="321"/>
      <c r="T206" s="321"/>
      <c r="U206" s="321"/>
      <c r="V206" s="321"/>
      <c r="W206" s="321"/>
      <c r="X206" s="321"/>
      <c r="Y206" s="321"/>
      <c r="Z206" s="321"/>
      <c r="AA206" s="321"/>
      <c r="AB206" s="321"/>
      <c r="AC206" s="321"/>
      <c r="AD206" s="321"/>
      <c r="AE206" s="321"/>
      <c r="AF206" s="321"/>
      <c r="AG206" s="321"/>
      <c r="AH206" s="321"/>
      <c r="AI206" s="321"/>
      <c r="AJ206" s="321"/>
      <c r="AK206" s="321"/>
      <c r="AL206" s="321"/>
      <c r="AM206" s="321"/>
      <c r="AN206" s="321"/>
      <c r="AO206" s="321"/>
      <c r="AP206" s="321"/>
      <c r="AQ206" s="321"/>
      <c r="AR206" s="321"/>
      <c r="AS206" s="321"/>
      <c r="AT206" s="321"/>
    </row>
    <row r="207" spans="1:46" ht="54" customHeight="1">
      <c r="A207" s="389" t="s">
        <v>508</v>
      </c>
      <c r="B207" s="389"/>
      <c r="C207" s="389"/>
      <c r="D207" s="389"/>
      <c r="E207" s="389"/>
      <c r="F207" s="389"/>
      <c r="G207" s="389"/>
      <c r="H207" s="389"/>
      <c r="I207" s="389"/>
      <c r="J207" s="389"/>
      <c r="K207" s="389"/>
      <c r="L207" s="389"/>
      <c r="M207" s="389"/>
      <c r="N207" s="389"/>
      <c r="O207" s="389"/>
      <c r="P207" s="389"/>
      <c r="Q207" s="389"/>
      <c r="R207" s="389"/>
      <c r="S207" s="389"/>
      <c r="T207" s="389"/>
      <c r="U207" s="389"/>
      <c r="V207" s="389"/>
      <c r="W207" s="389"/>
      <c r="X207" s="389"/>
      <c r="Y207" s="389"/>
      <c r="Z207" s="389"/>
      <c r="AA207" s="389"/>
      <c r="AB207" s="389"/>
      <c r="AC207" s="389"/>
      <c r="AD207" s="389"/>
      <c r="AE207" s="389"/>
      <c r="AF207" s="389"/>
      <c r="AG207" s="389"/>
      <c r="AH207" s="389"/>
      <c r="AI207" s="389"/>
      <c r="AJ207" s="389"/>
      <c r="AK207" s="389"/>
      <c r="AL207" s="389"/>
      <c r="AM207" s="389"/>
      <c r="AN207" s="389"/>
      <c r="AO207" s="389"/>
      <c r="AP207" s="389"/>
      <c r="AQ207" s="389"/>
      <c r="AR207" s="389"/>
      <c r="AS207" s="389"/>
      <c r="AT207" s="389"/>
    </row>
    <row r="208" spans="1:46" ht="32.25" customHeight="1">
      <c r="A208" s="64"/>
      <c r="B208" s="364" t="s">
        <v>345</v>
      </c>
      <c r="C208" s="365"/>
      <c r="D208" s="365"/>
      <c r="E208" s="365"/>
      <c r="F208" s="365"/>
      <c r="G208" s="365"/>
      <c r="H208" s="365"/>
      <c r="I208" s="365"/>
      <c r="J208" s="366"/>
      <c r="K208" s="364" t="s">
        <v>346</v>
      </c>
      <c r="L208" s="365"/>
      <c r="M208" s="365"/>
      <c r="N208" s="365"/>
      <c r="O208" s="365"/>
      <c r="P208" s="365"/>
      <c r="Q208" s="365"/>
      <c r="R208" s="365"/>
      <c r="S208" s="366"/>
      <c r="T208" s="364" t="s">
        <v>347</v>
      </c>
      <c r="U208" s="365"/>
      <c r="V208" s="365"/>
      <c r="W208" s="365"/>
      <c r="X208" s="365"/>
      <c r="Y208" s="365"/>
      <c r="Z208" s="365"/>
      <c r="AA208" s="365"/>
      <c r="AB208" s="366"/>
      <c r="AC208" s="364" t="s">
        <v>348</v>
      </c>
      <c r="AD208" s="365"/>
      <c r="AE208" s="365"/>
      <c r="AF208" s="365"/>
      <c r="AG208" s="365"/>
      <c r="AH208" s="365"/>
      <c r="AI208" s="365"/>
      <c r="AJ208" s="365"/>
      <c r="AK208" s="366"/>
      <c r="AL208" s="364" t="s">
        <v>349</v>
      </c>
      <c r="AM208" s="365"/>
      <c r="AN208" s="365"/>
      <c r="AO208" s="365"/>
      <c r="AP208" s="365"/>
      <c r="AQ208" s="365"/>
      <c r="AR208" s="365"/>
      <c r="AS208" s="365"/>
      <c r="AT208" s="366"/>
    </row>
    <row r="209" spans="1:46" ht="60.75" customHeight="1">
      <c r="A209" s="37" t="s">
        <v>85</v>
      </c>
      <c r="B209" s="38" t="s">
        <v>86</v>
      </c>
      <c r="C209" s="38" t="s">
        <v>257</v>
      </c>
      <c r="D209" s="89" t="s">
        <v>350</v>
      </c>
      <c r="E209" s="38" t="s">
        <v>351</v>
      </c>
      <c r="F209" s="89" t="s">
        <v>318</v>
      </c>
      <c r="G209" s="38" t="s">
        <v>352</v>
      </c>
      <c r="H209" s="89" t="s">
        <v>319</v>
      </c>
      <c r="I209" s="38" t="s">
        <v>356</v>
      </c>
      <c r="J209" s="89" t="s">
        <v>370</v>
      </c>
      <c r="K209" s="65" t="s">
        <v>86</v>
      </c>
      <c r="L209" s="65" t="s">
        <v>426</v>
      </c>
      <c r="M209" s="88" t="s">
        <v>427</v>
      </c>
      <c r="N209" s="65" t="s">
        <v>422</v>
      </c>
      <c r="O209" s="88" t="s">
        <v>424</v>
      </c>
      <c r="P209" s="65" t="s">
        <v>428</v>
      </c>
      <c r="Q209" s="88" t="s">
        <v>429</v>
      </c>
      <c r="R209" s="277" t="s">
        <v>356</v>
      </c>
      <c r="S209" s="88" t="s">
        <v>370</v>
      </c>
      <c r="T209" s="38" t="s">
        <v>86</v>
      </c>
      <c r="U209" s="38" t="s">
        <v>426</v>
      </c>
      <c r="V209" s="89" t="s">
        <v>427</v>
      </c>
      <c r="W209" s="38" t="s">
        <v>422</v>
      </c>
      <c r="X209" s="89" t="s">
        <v>424</v>
      </c>
      <c r="Y209" s="38" t="s">
        <v>428</v>
      </c>
      <c r="Z209" s="89" t="s">
        <v>429</v>
      </c>
      <c r="AA209" s="38" t="s">
        <v>356</v>
      </c>
      <c r="AB209" s="89" t="s">
        <v>370</v>
      </c>
      <c r="AC209" s="65" t="s">
        <v>86</v>
      </c>
      <c r="AD209" s="65" t="s">
        <v>426</v>
      </c>
      <c r="AE209" s="88" t="s">
        <v>427</v>
      </c>
      <c r="AF209" s="65" t="s">
        <v>422</v>
      </c>
      <c r="AG209" s="88" t="s">
        <v>424</v>
      </c>
      <c r="AH209" s="65" t="s">
        <v>428</v>
      </c>
      <c r="AI209" s="88" t="s">
        <v>429</v>
      </c>
      <c r="AJ209" s="65" t="s">
        <v>356</v>
      </c>
      <c r="AK209" s="88" t="s">
        <v>370</v>
      </c>
      <c r="AL209" s="38" t="s">
        <v>86</v>
      </c>
      <c r="AM209" s="38" t="s">
        <v>426</v>
      </c>
      <c r="AN209" s="89" t="s">
        <v>427</v>
      </c>
      <c r="AO209" s="38" t="s">
        <v>422</v>
      </c>
      <c r="AP209" s="89" t="s">
        <v>424</v>
      </c>
      <c r="AQ209" s="38" t="s">
        <v>428</v>
      </c>
      <c r="AR209" s="89" t="s">
        <v>429</v>
      </c>
      <c r="AS209" s="38" t="s">
        <v>356</v>
      </c>
      <c r="AT209" s="89" t="s">
        <v>370</v>
      </c>
    </row>
    <row r="210" spans="1:46" ht="72">
      <c r="A210" s="41"/>
      <c r="B210" s="42" t="s">
        <v>89</v>
      </c>
      <c r="C210" s="42" t="s">
        <v>181</v>
      </c>
      <c r="D210" s="91" t="s">
        <v>104</v>
      </c>
      <c r="E210" s="42" t="s">
        <v>182</v>
      </c>
      <c r="F210" s="91" t="s">
        <v>104</v>
      </c>
      <c r="G210" s="42" t="s">
        <v>183</v>
      </c>
      <c r="H210" s="91" t="s">
        <v>104</v>
      </c>
      <c r="I210" s="42" t="s">
        <v>356</v>
      </c>
      <c r="J210" s="91" t="s">
        <v>104</v>
      </c>
      <c r="K210" s="68" t="s">
        <v>89</v>
      </c>
      <c r="L210" s="68" t="s">
        <v>421</v>
      </c>
      <c r="M210" s="90" t="s">
        <v>104</v>
      </c>
      <c r="N210" s="68" t="s">
        <v>423</v>
      </c>
      <c r="O210" s="90" t="s">
        <v>104</v>
      </c>
      <c r="P210" s="68" t="s">
        <v>181</v>
      </c>
      <c r="Q210" s="90" t="s">
        <v>104</v>
      </c>
      <c r="R210" s="278" t="s">
        <v>356</v>
      </c>
      <c r="S210" s="90" t="s">
        <v>104</v>
      </c>
      <c r="T210" s="42" t="s">
        <v>89</v>
      </c>
      <c r="U210" s="42" t="s">
        <v>421</v>
      </c>
      <c r="V210" s="91" t="s">
        <v>104</v>
      </c>
      <c r="W210" s="42" t="s">
        <v>423</v>
      </c>
      <c r="X210" s="91" t="s">
        <v>104</v>
      </c>
      <c r="Y210" s="42" t="s">
        <v>181</v>
      </c>
      <c r="Z210" s="91" t="s">
        <v>104</v>
      </c>
      <c r="AA210" s="42" t="s">
        <v>356</v>
      </c>
      <c r="AB210" s="91" t="s">
        <v>104</v>
      </c>
      <c r="AC210" s="68" t="s">
        <v>89</v>
      </c>
      <c r="AD210" s="68" t="s">
        <v>421</v>
      </c>
      <c r="AE210" s="90" t="s">
        <v>104</v>
      </c>
      <c r="AF210" s="68" t="s">
        <v>423</v>
      </c>
      <c r="AG210" s="90" t="s">
        <v>104</v>
      </c>
      <c r="AH210" s="68" t="s">
        <v>181</v>
      </c>
      <c r="AI210" s="90" t="s">
        <v>104</v>
      </c>
      <c r="AJ210" s="68" t="s">
        <v>356</v>
      </c>
      <c r="AK210" s="90" t="s">
        <v>104</v>
      </c>
      <c r="AL210" s="42" t="s">
        <v>89</v>
      </c>
      <c r="AM210" s="42" t="s">
        <v>421</v>
      </c>
      <c r="AN210" s="91" t="s">
        <v>104</v>
      </c>
      <c r="AO210" s="42" t="s">
        <v>423</v>
      </c>
      <c r="AP210" s="91" t="s">
        <v>104</v>
      </c>
      <c r="AQ210" s="42" t="s">
        <v>181</v>
      </c>
      <c r="AR210" s="91" t="s">
        <v>104</v>
      </c>
      <c r="AS210" s="42" t="s">
        <v>356</v>
      </c>
      <c r="AT210" s="91" t="s">
        <v>104</v>
      </c>
    </row>
    <row r="211" spans="1:46">
      <c r="A211" s="45" t="s">
        <v>434</v>
      </c>
      <c r="B211" s="198">
        <v>10961</v>
      </c>
      <c r="C211" s="204">
        <v>0.14099999999999999</v>
      </c>
      <c r="D211" s="94">
        <v>6.6496731982213864E-3</v>
      </c>
      <c r="E211" s="204">
        <v>0.16800000000000001</v>
      </c>
      <c r="F211" s="94">
        <v>7.1427731357552237E-3</v>
      </c>
      <c r="G211" s="204">
        <v>0.68</v>
      </c>
      <c r="H211" s="94">
        <v>8.9100205820281352E-3</v>
      </c>
      <c r="I211" s="204">
        <v>1.2E-2</v>
      </c>
      <c r="J211" s="94">
        <v>2.0948521605220535E-3</v>
      </c>
      <c r="K211" s="198">
        <v>10984</v>
      </c>
      <c r="L211" s="204">
        <v>0.24762340161244129</v>
      </c>
      <c r="M211" s="94">
        <v>8.2364143383151945E-3</v>
      </c>
      <c r="N211" s="204">
        <v>0.42597845827984321</v>
      </c>
      <c r="O211" s="94">
        <v>9.4347875729083579E-3</v>
      </c>
      <c r="P211" s="204">
        <v>0.25040651474367437</v>
      </c>
      <c r="Q211" s="94">
        <v>8.2672075167569154E-3</v>
      </c>
      <c r="R211" s="204">
        <v>7.5991625364043358E-2</v>
      </c>
      <c r="S211" s="94">
        <v>5.0605280136049573E-3</v>
      </c>
      <c r="T211" s="198">
        <v>11013</v>
      </c>
      <c r="U211" s="204">
        <v>0.38190920252164035</v>
      </c>
      <c r="V211" s="94">
        <v>9.2579287671147731E-3</v>
      </c>
      <c r="W211" s="204">
        <v>0.31175161858371059</v>
      </c>
      <c r="X211" s="94">
        <v>8.8267599421445828E-3</v>
      </c>
      <c r="Y211" s="204">
        <v>0.13993233793948978</v>
      </c>
      <c r="Z211" s="94">
        <v>6.6129226233515963E-3</v>
      </c>
      <c r="AA211" s="204">
        <v>0.16640684095515595</v>
      </c>
      <c r="AB211" s="94">
        <v>7.098840526480737E-3</v>
      </c>
      <c r="AC211" s="198">
        <v>11013</v>
      </c>
      <c r="AD211" s="204">
        <v>0.35199999999999998</v>
      </c>
      <c r="AE211" s="94">
        <v>9.1006475318986639E-3</v>
      </c>
      <c r="AF211" s="204">
        <v>0.34399999999999997</v>
      </c>
      <c r="AG211" s="94">
        <v>9.0520399674367223E-3</v>
      </c>
      <c r="AH211" s="204">
        <v>0.14300000000000002</v>
      </c>
      <c r="AI211" s="94">
        <v>6.6729925909146245E-3</v>
      </c>
      <c r="AJ211" s="204">
        <v>0.16200000000000001</v>
      </c>
      <c r="AK211" s="94">
        <v>7.0228027118382158E-3</v>
      </c>
      <c r="AL211" s="198">
        <v>11001</v>
      </c>
      <c r="AM211" s="204">
        <v>0.224</v>
      </c>
      <c r="AN211" s="94">
        <v>7.9498511210027521E-3</v>
      </c>
      <c r="AO211" s="204">
        <v>0.33399999999999996</v>
      </c>
      <c r="AP211" s="94">
        <v>8.9921774875635265E-3</v>
      </c>
      <c r="AQ211" s="204">
        <v>0.17199999999999999</v>
      </c>
      <c r="AR211" s="94">
        <v>7.1967025905684389E-3</v>
      </c>
      <c r="AS211" s="204">
        <v>0.27</v>
      </c>
      <c r="AT211" s="94">
        <v>8.4648767501296386E-3</v>
      </c>
    </row>
    <row r="212" spans="1:46">
      <c r="A212" s="49" t="s">
        <v>435</v>
      </c>
      <c r="B212" s="201">
        <v>8815</v>
      </c>
      <c r="C212" s="205">
        <v>0.13900000000000001</v>
      </c>
      <c r="D212" s="97">
        <v>7.3712924673769668E-3</v>
      </c>
      <c r="E212" s="205">
        <v>0.16500000000000001</v>
      </c>
      <c r="F212" s="97">
        <v>7.9079859718514459E-3</v>
      </c>
      <c r="G212" s="205">
        <v>0.69</v>
      </c>
      <c r="H212" s="97">
        <v>9.8505153292116013E-3</v>
      </c>
      <c r="I212" s="205">
        <v>7.0000000000000001E-3</v>
      </c>
      <c r="J212" s="97">
        <v>1.8035290152243254E-3</v>
      </c>
      <c r="K212" s="201">
        <v>8837</v>
      </c>
      <c r="L212" s="205">
        <v>0.24399999999999999</v>
      </c>
      <c r="M212" s="97">
        <v>9.1370266845013145E-3</v>
      </c>
      <c r="N212" s="205">
        <v>0.432</v>
      </c>
      <c r="O212" s="97">
        <v>1.0536564827741743E-2</v>
      </c>
      <c r="P212" s="205">
        <v>0.253</v>
      </c>
      <c r="Q212" s="97">
        <v>9.2483289461389086E-3</v>
      </c>
      <c r="R212" s="205">
        <v>7.0999999999999994E-2</v>
      </c>
      <c r="S212" s="97">
        <v>5.4697033519390129E-3</v>
      </c>
      <c r="T212" s="201">
        <v>8865</v>
      </c>
      <c r="U212" s="205">
        <v>0.443</v>
      </c>
      <c r="V212" s="97">
        <v>1.0549325855996531E-2</v>
      </c>
      <c r="W212" s="205">
        <v>0.27800000000000002</v>
      </c>
      <c r="X212" s="97">
        <v>9.5155028372994714E-3</v>
      </c>
      <c r="Y212" s="205">
        <v>0.106</v>
      </c>
      <c r="Z212" s="97">
        <v>6.5423671637353902E-3</v>
      </c>
      <c r="AA212" s="205">
        <v>0.17399999999999999</v>
      </c>
      <c r="AB212" s="97">
        <v>8.0538228135833712E-3</v>
      </c>
      <c r="AC212" s="201">
        <v>8867</v>
      </c>
      <c r="AD212" s="205">
        <v>0.39200000000000002</v>
      </c>
      <c r="AE212" s="97">
        <v>1.0366880930254967E-2</v>
      </c>
      <c r="AF212" s="205">
        <v>0.33699999999999997</v>
      </c>
      <c r="AG212" s="97">
        <v>1.0037803753330382E-2</v>
      </c>
      <c r="AH212" s="205">
        <v>0.11199999999999999</v>
      </c>
      <c r="AI212" s="97">
        <v>6.7012427308636973E-3</v>
      </c>
      <c r="AJ212" s="205">
        <v>0.16</v>
      </c>
      <c r="AK212" s="97">
        <v>7.7877440804348273E-3</v>
      </c>
      <c r="AL212" s="201">
        <v>8853</v>
      </c>
      <c r="AM212" s="205">
        <v>0.245</v>
      </c>
      <c r="AN212" s="97">
        <v>9.1413873826699747E-3</v>
      </c>
      <c r="AO212" s="205">
        <v>0.31699999999999995</v>
      </c>
      <c r="AP212" s="97">
        <v>9.8891049241212961E-3</v>
      </c>
      <c r="AQ212" s="205">
        <v>0.14500000000000002</v>
      </c>
      <c r="AR212" s="97">
        <v>7.4860543309023002E-3</v>
      </c>
      <c r="AS212" s="205">
        <v>0.29299999999999998</v>
      </c>
      <c r="AT212" s="97">
        <v>9.6732129372762449E-3</v>
      </c>
    </row>
    <row r="213" spans="1:46">
      <c r="A213" s="45" t="s">
        <v>436</v>
      </c>
      <c r="B213" s="198">
        <v>1979</v>
      </c>
      <c r="C213" s="204">
        <v>0.113</v>
      </c>
      <c r="D213" s="94">
        <v>1.4261770176601274E-2</v>
      </c>
      <c r="E213" s="204">
        <v>0.17199999999999999</v>
      </c>
      <c r="F213" s="94">
        <v>1.6974935541793384E-2</v>
      </c>
      <c r="G213" s="204">
        <v>0.69699999999999995</v>
      </c>
      <c r="H213" s="94">
        <v>2.0647482298883774E-2</v>
      </c>
      <c r="I213" s="204">
        <v>1.7999999999999999E-2</v>
      </c>
      <c r="J213" s="94">
        <v>6.1272960434247447E-3</v>
      </c>
      <c r="K213" s="198">
        <v>1984</v>
      </c>
      <c r="L213" s="204">
        <v>0.20799999999999999</v>
      </c>
      <c r="M213" s="94">
        <v>1.8224994969946607E-2</v>
      </c>
      <c r="N213" s="204">
        <v>0.434</v>
      </c>
      <c r="O213" s="94">
        <v>2.2232605686554458E-2</v>
      </c>
      <c r="P213" s="204">
        <v>0.27</v>
      </c>
      <c r="Q213" s="94">
        <v>1.9925043799832422E-2</v>
      </c>
      <c r="R213" s="204">
        <v>8.6999999999999994E-2</v>
      </c>
      <c r="S213" s="94">
        <v>1.269648027309781E-2</v>
      </c>
      <c r="T213" s="198">
        <v>1986</v>
      </c>
      <c r="U213" s="204">
        <v>0.219</v>
      </c>
      <c r="V213" s="94">
        <v>1.855894383417829E-2</v>
      </c>
      <c r="W213" s="204">
        <v>0.36599999999999999</v>
      </c>
      <c r="X213" s="94">
        <v>2.160011689792303E-2</v>
      </c>
      <c r="Y213" s="204">
        <v>0.23100000000000001</v>
      </c>
      <c r="Z213" s="94">
        <v>1.8911569197501733E-2</v>
      </c>
      <c r="AA213" s="204">
        <v>0.184</v>
      </c>
      <c r="AB213" s="94">
        <v>1.7395489954830399E-2</v>
      </c>
      <c r="AC213" s="198">
        <v>1983</v>
      </c>
      <c r="AD213" s="204">
        <v>0.23200000000000001</v>
      </c>
      <c r="AE213" s="94">
        <v>1.8954286892245192E-2</v>
      </c>
      <c r="AF213" s="204">
        <v>0.35199999999999998</v>
      </c>
      <c r="AG213" s="94">
        <v>2.1432545391067773E-2</v>
      </c>
      <c r="AH213" s="204">
        <v>0.23599999999999999</v>
      </c>
      <c r="AI213" s="94">
        <v>1.9066504830662426E-2</v>
      </c>
      <c r="AJ213" s="204">
        <v>0.18</v>
      </c>
      <c r="AK213" s="94">
        <v>1.7261531587788474E-2</v>
      </c>
      <c r="AL213" s="198">
        <v>1983</v>
      </c>
      <c r="AM213" s="204">
        <v>0.152</v>
      </c>
      <c r="AN213" s="94">
        <v>1.6138747587320298E-2</v>
      </c>
      <c r="AO213" s="204">
        <v>0.35199999999999998</v>
      </c>
      <c r="AP213" s="94">
        <v>2.1432545391067773E-2</v>
      </c>
      <c r="AQ213" s="204">
        <v>0.245</v>
      </c>
      <c r="AR213" s="94">
        <v>1.9310538736243974E-2</v>
      </c>
      <c r="AS213" s="204">
        <v>0.251</v>
      </c>
      <c r="AT213" s="94">
        <v>1.9466894733485177E-2</v>
      </c>
    </row>
    <row r="214" spans="1:46">
      <c r="A214" s="49" t="s">
        <v>437</v>
      </c>
      <c r="B214" s="201">
        <v>3061</v>
      </c>
      <c r="C214" s="205">
        <v>0.13800000000000001</v>
      </c>
      <c r="D214" s="97">
        <v>1.2477598412288403E-2</v>
      </c>
      <c r="E214" s="205">
        <v>0.17199999999999999</v>
      </c>
      <c r="F214" s="97">
        <v>1.3646510207249185E-2</v>
      </c>
      <c r="G214" s="205">
        <v>0.68</v>
      </c>
      <c r="H214" s="97">
        <v>1.68549908870811E-2</v>
      </c>
      <c r="I214" s="205">
        <v>0.01</v>
      </c>
      <c r="J214" s="97">
        <v>3.7063992957703279E-3</v>
      </c>
      <c r="K214" s="201">
        <v>3067</v>
      </c>
      <c r="L214" s="205">
        <v>0.26729777566076846</v>
      </c>
      <c r="M214" s="97">
        <v>1.5977460732642876E-2</v>
      </c>
      <c r="N214" s="205">
        <v>0.40460302465579134</v>
      </c>
      <c r="O214" s="97">
        <v>1.7714517051561896E-2</v>
      </c>
      <c r="P214" s="205">
        <v>0.25742336724524295</v>
      </c>
      <c r="Q214" s="97">
        <v>1.578551142890252E-2</v>
      </c>
      <c r="R214" s="205">
        <v>7.0675832438221523E-2</v>
      </c>
      <c r="S214" s="97">
        <v>9.2830311446941323E-3</v>
      </c>
      <c r="T214" s="201">
        <v>3077</v>
      </c>
      <c r="U214" s="205">
        <v>0.40105645175615251</v>
      </c>
      <c r="V214" s="97">
        <v>1.7660492425121795E-2</v>
      </c>
      <c r="W214" s="205">
        <v>0.30774037998017612</v>
      </c>
      <c r="X214" s="97">
        <v>1.6634457217255438E-2</v>
      </c>
      <c r="Y214" s="205">
        <v>0.14049715606812185</v>
      </c>
      <c r="Z214" s="97">
        <v>1.2538448375757493E-2</v>
      </c>
      <c r="AA214" s="205">
        <v>0.15070601219557475</v>
      </c>
      <c r="AB214" s="97">
        <v>1.2906690873760975E-2</v>
      </c>
      <c r="AC214" s="201">
        <v>3072</v>
      </c>
      <c r="AD214" s="205">
        <v>0.35599999999999998</v>
      </c>
      <c r="AE214" s="97">
        <v>1.7268547244787529E-2</v>
      </c>
      <c r="AF214" s="205">
        <v>0.34899999999999998</v>
      </c>
      <c r="AG214" s="97">
        <v>1.7190823066467645E-2</v>
      </c>
      <c r="AH214" s="205">
        <v>0.14500000000000002</v>
      </c>
      <c r="AI214" s="97">
        <v>1.2713843157240869E-2</v>
      </c>
      <c r="AJ214" s="205">
        <v>0.15</v>
      </c>
      <c r="AK214" s="97">
        <v>1.2892391907204426E-2</v>
      </c>
      <c r="AL214" s="201">
        <v>3077</v>
      </c>
      <c r="AM214" s="205">
        <v>0.24299999999999999</v>
      </c>
      <c r="AN214" s="97">
        <v>1.5460995257068538E-2</v>
      </c>
      <c r="AO214" s="205">
        <v>0.33599999999999997</v>
      </c>
      <c r="AP214" s="97">
        <v>1.7021810158543621E-2</v>
      </c>
      <c r="AQ214" s="205">
        <v>0.17699999999999999</v>
      </c>
      <c r="AR214" s="97">
        <v>1.376492589251172E-2</v>
      </c>
      <c r="AS214" s="205">
        <v>0.24399999999999999</v>
      </c>
      <c r="AT214" s="97">
        <v>1.5482463099723193E-2</v>
      </c>
    </row>
    <row r="215" spans="1:46">
      <c r="A215" s="45" t="s">
        <v>438</v>
      </c>
      <c r="B215" s="198">
        <v>2472</v>
      </c>
      <c r="C215" s="204">
        <v>0.154</v>
      </c>
      <c r="D215" s="94">
        <v>1.452925810226335E-2</v>
      </c>
      <c r="E215" s="204">
        <v>0.16900000000000001</v>
      </c>
      <c r="F215" s="94">
        <v>1.5081507554287625E-2</v>
      </c>
      <c r="G215" s="204">
        <v>0.67</v>
      </c>
      <c r="H215" s="94">
        <v>1.89034320459349E-2</v>
      </c>
      <c r="I215" s="204">
        <v>8.0000000000000002E-3</v>
      </c>
      <c r="J215" s="94">
        <v>3.7527547943518157E-3</v>
      </c>
      <c r="K215" s="198">
        <v>2476</v>
      </c>
      <c r="L215" s="204">
        <v>0.28899999999999998</v>
      </c>
      <c r="M215" s="94">
        <v>1.821123812506165E-2</v>
      </c>
      <c r="N215" s="204">
        <v>0.40500000000000003</v>
      </c>
      <c r="O215" s="94">
        <v>1.9715888853060998E-2</v>
      </c>
      <c r="P215" s="204">
        <v>0.23199999999999998</v>
      </c>
      <c r="Q215" s="94">
        <v>1.6963314471640983E-2</v>
      </c>
      <c r="R215" s="204">
        <v>7.3999999999999996E-2</v>
      </c>
      <c r="S215" s="94">
        <v>1.0557747067654817E-2</v>
      </c>
      <c r="T215" s="198">
        <v>2487</v>
      </c>
      <c r="U215" s="204">
        <v>0.47199999999999998</v>
      </c>
      <c r="V215" s="94">
        <v>2.0004757195878825E-2</v>
      </c>
      <c r="W215" s="204">
        <v>0.27700000000000002</v>
      </c>
      <c r="X215" s="94">
        <v>1.7940110883569574E-2</v>
      </c>
      <c r="Y215" s="204">
        <v>9.1999999999999998E-2</v>
      </c>
      <c r="Z215" s="94">
        <v>1.1618876110586903E-2</v>
      </c>
      <c r="AA215" s="204">
        <v>0.159</v>
      </c>
      <c r="AB215" s="94">
        <v>1.4673874449140067E-2</v>
      </c>
      <c r="AC215" s="198">
        <v>2483</v>
      </c>
      <c r="AD215" s="204">
        <v>0.40699999999999997</v>
      </c>
      <c r="AE215" s="94">
        <v>1.9703422234865518E-2</v>
      </c>
      <c r="AF215" s="204">
        <v>0.35499999999999998</v>
      </c>
      <c r="AG215" s="94">
        <v>1.9193324855621575E-2</v>
      </c>
      <c r="AH215" s="204">
        <v>0.08</v>
      </c>
      <c r="AI215" s="94">
        <v>1.0921879585229206E-2</v>
      </c>
      <c r="AJ215" s="204">
        <v>0.158</v>
      </c>
      <c r="AK215" s="94">
        <v>1.4648375040803234E-2</v>
      </c>
      <c r="AL215" s="198">
        <v>2486</v>
      </c>
      <c r="AM215" s="204">
        <v>0.26500000000000001</v>
      </c>
      <c r="AN215" s="94">
        <v>1.7696789680278859E-2</v>
      </c>
      <c r="AO215" s="204">
        <v>0.33800000000000002</v>
      </c>
      <c r="AP215" s="94">
        <v>1.8962666781890458E-2</v>
      </c>
      <c r="AQ215" s="204">
        <v>0.128</v>
      </c>
      <c r="AR215" s="94">
        <v>1.341702150433067E-2</v>
      </c>
      <c r="AS215" s="204">
        <v>0.26800000000000002</v>
      </c>
      <c r="AT215" s="94">
        <v>1.7760060313930806E-2</v>
      </c>
    </row>
    <row r="216" spans="1:46">
      <c r="A216" s="49" t="s">
        <v>449</v>
      </c>
      <c r="B216" s="201">
        <v>293</v>
      </c>
      <c r="C216" s="205">
        <v>0.16600000000000001</v>
      </c>
      <c r="D216" s="97">
        <v>4.3643588715338494E-2</v>
      </c>
      <c r="E216" s="205">
        <v>0.16900000000000001</v>
      </c>
      <c r="F216" s="97">
        <v>4.3942151299065625E-2</v>
      </c>
      <c r="G216" s="205">
        <v>0.64800000000000002</v>
      </c>
      <c r="H216" s="97">
        <v>5.5496781066562688E-2</v>
      </c>
      <c r="I216" s="205">
        <v>1.7000000000000001E-2</v>
      </c>
      <c r="J216" s="97">
        <v>1.7581963173503065E-2</v>
      </c>
      <c r="K216" s="201">
        <v>291</v>
      </c>
      <c r="L216" s="205">
        <v>0.30797875112065987</v>
      </c>
      <c r="M216" s="97">
        <v>5.3882607341135036E-2</v>
      </c>
      <c r="N216" s="205">
        <v>0.43433176098647286</v>
      </c>
      <c r="O216" s="97">
        <v>5.7731562762266452E-2</v>
      </c>
      <c r="P216" s="205">
        <v>0.17380881280940358</v>
      </c>
      <c r="Q216" s="97">
        <v>4.4564208414972759E-2</v>
      </c>
      <c r="R216" s="205">
        <v>8.3880675083464598E-2</v>
      </c>
      <c r="S216" s="97">
        <v>3.3244570587735667E-2</v>
      </c>
      <c r="T216" s="201">
        <v>293</v>
      </c>
      <c r="U216" s="205">
        <v>0.56065860806246903</v>
      </c>
      <c r="V216" s="97">
        <v>5.7608802179352034E-2</v>
      </c>
      <c r="W216" s="205">
        <v>0.28189263203735743</v>
      </c>
      <c r="X216" s="97">
        <v>5.2378050288587309E-2</v>
      </c>
      <c r="Y216" s="205">
        <v>4.5507641970566615E-2</v>
      </c>
      <c r="Z216" s="97">
        <v>2.5679512257732715E-2</v>
      </c>
      <c r="AA216" s="205">
        <v>0.11194111792960851</v>
      </c>
      <c r="AB216" s="97">
        <v>3.7324543893438492E-2</v>
      </c>
      <c r="AC216" s="201">
        <v>295</v>
      </c>
      <c r="AD216" s="205">
        <v>0.496</v>
      </c>
      <c r="AE216" s="97">
        <v>5.782969174417231E-2</v>
      </c>
      <c r="AF216" s="205">
        <v>0.30399999999999999</v>
      </c>
      <c r="AG216" s="97">
        <v>5.3331170499018879E-2</v>
      </c>
      <c r="AH216" s="205">
        <v>7.6999999999999999E-2</v>
      </c>
      <c r="AI216" s="97">
        <v>3.1849641584907579E-2</v>
      </c>
      <c r="AJ216" s="205">
        <v>0.124</v>
      </c>
      <c r="AK216" s="97">
        <v>3.8774079115640625E-2</v>
      </c>
      <c r="AL216" s="201">
        <v>295</v>
      </c>
      <c r="AM216" s="205">
        <v>0.374</v>
      </c>
      <c r="AN216" s="97">
        <v>5.6015517989588447E-2</v>
      </c>
      <c r="AO216" s="205">
        <v>0.33799999999999997</v>
      </c>
      <c r="AP216" s="97">
        <v>5.4797100201795838E-2</v>
      </c>
      <c r="AQ216" s="205">
        <v>7.5000000000000011E-2</v>
      </c>
      <c r="AR216" s="97">
        <v>3.150101121897609E-2</v>
      </c>
      <c r="AS216" s="205">
        <v>0.21299999999999999</v>
      </c>
      <c r="AT216" s="97">
        <v>4.7663832772289479E-2</v>
      </c>
    </row>
    <row r="217" spans="1:46">
      <c r="A217" s="45" t="s">
        <v>439</v>
      </c>
      <c r="B217" s="198">
        <v>146</v>
      </c>
      <c r="C217" s="204">
        <v>0.14299999999999999</v>
      </c>
      <c r="D217" s="94">
        <v>5.8710055833732608E-2</v>
      </c>
      <c r="E217" s="204">
        <v>0.18</v>
      </c>
      <c r="F217" s="94">
        <v>6.3872480366337331E-2</v>
      </c>
      <c r="G217" s="204">
        <v>0.66800000000000004</v>
      </c>
      <c r="H217" s="94">
        <v>7.715978392919462E-2</v>
      </c>
      <c r="I217" s="204">
        <v>8.9999999999999993E-3</v>
      </c>
      <c r="J217" s="94">
        <v>2.4002898689147557E-2</v>
      </c>
      <c r="K217" s="198">
        <v>145</v>
      </c>
      <c r="L217" s="204">
        <v>0.26462048495624751</v>
      </c>
      <c r="M217" s="94">
        <v>7.2820684549961892E-2</v>
      </c>
      <c r="N217" s="204">
        <v>0.49399599642472181</v>
      </c>
      <c r="O217" s="94">
        <v>8.1917598379341566E-2</v>
      </c>
      <c r="P217" s="204">
        <v>0.17517599558371186</v>
      </c>
      <c r="Q217" s="94">
        <v>6.3473997499168863E-2</v>
      </c>
      <c r="R217" s="204">
        <v>6.620752303531835E-2</v>
      </c>
      <c r="S217" s="94">
        <v>4.3901009906178665E-2</v>
      </c>
      <c r="T217" s="198">
        <v>145</v>
      </c>
      <c r="U217" s="204">
        <v>0.55061196794721701</v>
      </c>
      <c r="V217" s="94">
        <v>8.1524750906416185E-2</v>
      </c>
      <c r="W217" s="204">
        <v>0.31466452792418143</v>
      </c>
      <c r="X217" s="94">
        <v>7.6407642550622407E-2</v>
      </c>
      <c r="Y217" s="204">
        <v>6.3057818226426407E-2</v>
      </c>
      <c r="Z217" s="94">
        <v>4.3099570438442175E-2</v>
      </c>
      <c r="AA217" s="204">
        <v>7.1665685902175022E-2</v>
      </c>
      <c r="AB217" s="94">
        <v>4.5243040630324922E-2</v>
      </c>
      <c r="AC217" s="198">
        <v>146</v>
      </c>
      <c r="AD217" s="204">
        <v>0.46200000000000002</v>
      </c>
      <c r="AE217" s="94">
        <v>8.1425955974556236E-2</v>
      </c>
      <c r="AF217" s="204">
        <v>0.35399999999999998</v>
      </c>
      <c r="AG217" s="94">
        <v>7.8282513209339225E-2</v>
      </c>
      <c r="AH217" s="204">
        <v>7.8999999999999987E-2</v>
      </c>
      <c r="AI217" s="94">
        <v>4.6786270148093341E-2</v>
      </c>
      <c r="AJ217" s="204">
        <v>0.105</v>
      </c>
      <c r="AK217" s="94">
        <v>5.2200991618224321E-2</v>
      </c>
      <c r="AL217" s="198">
        <v>146</v>
      </c>
      <c r="AM217" s="204">
        <v>0.39700000000000002</v>
      </c>
      <c r="AN217" s="94">
        <v>7.9991544412403248E-2</v>
      </c>
      <c r="AO217" s="204">
        <v>0.35299999999999998</v>
      </c>
      <c r="AP217" s="94">
        <v>7.8235220303901495E-2</v>
      </c>
      <c r="AQ217" s="204">
        <v>6.7000000000000004E-2</v>
      </c>
      <c r="AR217" s="94">
        <v>4.3932398924475542E-2</v>
      </c>
      <c r="AS217" s="204">
        <v>0.183</v>
      </c>
      <c r="AT217" s="94">
        <v>6.4249296647540852E-2</v>
      </c>
    </row>
    <row r="218" spans="1:46">
      <c r="A218" s="49" t="s">
        <v>440</v>
      </c>
      <c r="B218" s="201">
        <v>93</v>
      </c>
      <c r="C218" s="205">
        <v>0.32400000000000001</v>
      </c>
      <c r="D218" s="97">
        <v>9.5577689450374009E-2</v>
      </c>
      <c r="E218" s="205">
        <v>0.152</v>
      </c>
      <c r="F218" s="97">
        <v>7.5621963064196773E-2</v>
      </c>
      <c r="G218" s="205">
        <v>0.52300000000000002</v>
      </c>
      <c r="H218" s="97">
        <v>0.10143582183127862</v>
      </c>
      <c r="I218" s="205">
        <v>0</v>
      </c>
      <c r="J218" s="97">
        <v>2.885686812463846E-2</v>
      </c>
      <c r="K218" s="201">
        <v>93</v>
      </c>
      <c r="L218" s="205">
        <v>0.45506531880225415</v>
      </c>
      <c r="M218" s="97">
        <v>0.10115701110571203</v>
      </c>
      <c r="N218" s="205">
        <v>0.37628588737447383</v>
      </c>
      <c r="O218" s="97">
        <v>9.8636283846293735E-2</v>
      </c>
      <c r="P218" s="205">
        <v>0.15243703261546926</v>
      </c>
      <c r="Q218" s="97">
        <v>7.5698112105168927E-2</v>
      </c>
      <c r="R218" s="205">
        <v>1.6211761207803137E-2</v>
      </c>
      <c r="S218" s="97">
        <v>3.7911517438527734E-2</v>
      </c>
      <c r="T218" s="201">
        <v>94</v>
      </c>
      <c r="U218" s="205">
        <v>0.62082248495798609</v>
      </c>
      <c r="V218" s="97">
        <v>9.8264384429389687E-2</v>
      </c>
      <c r="W218" s="205">
        <v>0.26881067774636969</v>
      </c>
      <c r="X218" s="97">
        <v>9.0537081504268396E-2</v>
      </c>
      <c r="Y218" s="205">
        <v>3.2079262805901759E-2</v>
      </c>
      <c r="Z218" s="97">
        <v>4.4519600691282947E-2</v>
      </c>
      <c r="AA218" s="205">
        <v>7.8287574489742731E-2</v>
      </c>
      <c r="AB218" s="97">
        <v>5.9377730375018117E-2</v>
      </c>
      <c r="AC218" s="201">
        <v>94</v>
      </c>
      <c r="AD218" s="205">
        <v>0.58299999999999996</v>
      </c>
      <c r="AE218" s="97">
        <v>9.9726542525928427E-2</v>
      </c>
      <c r="AF218" s="205">
        <v>0.254</v>
      </c>
      <c r="AG218" s="97">
        <v>8.9059316083330717E-2</v>
      </c>
      <c r="AH218" s="205">
        <v>0.11700000000000001</v>
      </c>
      <c r="AI218" s="97">
        <v>6.8524160018577737E-2</v>
      </c>
      <c r="AJ218" s="205">
        <v>4.5999999999999999E-2</v>
      </c>
      <c r="AK218" s="97">
        <v>4.9638041833549883E-2</v>
      </c>
      <c r="AL218" s="201">
        <v>94</v>
      </c>
      <c r="AM218" s="205">
        <v>0.313</v>
      </c>
      <c r="AN218" s="97">
        <v>9.4291635063481066E-2</v>
      </c>
      <c r="AO218" s="205">
        <v>0.41500000000000004</v>
      </c>
      <c r="AP218" s="97">
        <v>9.9663261457601363E-2</v>
      </c>
      <c r="AQ218" s="205">
        <v>0.104</v>
      </c>
      <c r="AR218" s="97">
        <v>6.5690696069423904E-2</v>
      </c>
      <c r="AS218" s="205">
        <v>0.16700000000000001</v>
      </c>
      <c r="AT218" s="97">
        <v>7.7717023386517786E-2</v>
      </c>
    </row>
    <row r="219" spans="1:46">
      <c r="A219" s="45" t="s">
        <v>475</v>
      </c>
      <c r="B219" s="198">
        <v>266</v>
      </c>
      <c r="C219" s="204">
        <v>0.25800000000000001</v>
      </c>
      <c r="D219" s="94">
        <v>5.3493976964779956E-2</v>
      </c>
      <c r="E219" s="204">
        <v>0.20599999999999999</v>
      </c>
      <c r="F219" s="94">
        <v>4.9606764144877143E-2</v>
      </c>
      <c r="G219" s="204">
        <v>0.53300000000000003</v>
      </c>
      <c r="H219" s="94">
        <v>6.0729275099725082E-2</v>
      </c>
      <c r="I219" s="204">
        <v>4.0000000000000001E-3</v>
      </c>
      <c r="J219" s="94">
        <v>1.2892356438779175E-2</v>
      </c>
      <c r="K219" s="198">
        <v>266</v>
      </c>
      <c r="L219" s="204">
        <v>0.40245239198479088</v>
      </c>
      <c r="M219" s="94">
        <v>5.9723352032526218E-2</v>
      </c>
      <c r="N219" s="204">
        <v>0.42600795257455348</v>
      </c>
      <c r="O219" s="94">
        <v>6.0207812005831356E-2</v>
      </c>
      <c r="P219" s="204">
        <v>0.1393180830869952</v>
      </c>
      <c r="Q219" s="94">
        <v>4.2814771394349242E-2</v>
      </c>
      <c r="R219" s="204">
        <v>3.2221572353660612E-2</v>
      </c>
      <c r="S219" s="94">
        <v>2.3607523452276485E-2</v>
      </c>
      <c r="T219" s="198">
        <v>266</v>
      </c>
      <c r="U219" s="204">
        <v>0.65635809782783117</v>
      </c>
      <c r="V219" s="94">
        <v>5.7897887166852E-2</v>
      </c>
      <c r="W219" s="204">
        <v>0.19180063706148215</v>
      </c>
      <c r="X219" s="94">
        <v>4.8351602707599958E-2</v>
      </c>
      <c r="Y219" s="204">
        <v>4.6910820525059349E-2</v>
      </c>
      <c r="Z219" s="94">
        <v>2.7419322619417076E-2</v>
      </c>
      <c r="AA219" s="204">
        <v>0.10493044458562847</v>
      </c>
      <c r="AB219" s="94">
        <v>3.8202265081512692E-2</v>
      </c>
      <c r="AC219" s="198">
        <v>266</v>
      </c>
      <c r="AD219" s="204">
        <v>0.57599999999999996</v>
      </c>
      <c r="AE219" s="94">
        <v>6.0171837023958133E-2</v>
      </c>
      <c r="AF219" s="204">
        <v>0.252</v>
      </c>
      <c r="AG219" s="94">
        <v>5.3097372735512162E-2</v>
      </c>
      <c r="AH219" s="204">
        <v>4.8000000000000001E-2</v>
      </c>
      <c r="AI219" s="94">
        <v>2.767660101903547E-2</v>
      </c>
      <c r="AJ219" s="204">
        <v>0.124</v>
      </c>
      <c r="AK219" s="94">
        <v>4.0875944115037095E-2</v>
      </c>
      <c r="AL219" s="198">
        <v>266</v>
      </c>
      <c r="AM219" s="204">
        <v>0.42099999999999999</v>
      </c>
      <c r="AN219" s="94">
        <v>6.0116251423476062E-2</v>
      </c>
      <c r="AO219" s="204">
        <v>0.32300000000000001</v>
      </c>
      <c r="AP219" s="94">
        <v>5.7037010806471444E-2</v>
      </c>
      <c r="AQ219" s="204">
        <v>7.2999999999999995E-2</v>
      </c>
      <c r="AR219" s="94">
        <v>3.2893390848465778E-2</v>
      </c>
      <c r="AS219" s="204">
        <v>0.183</v>
      </c>
      <c r="AT219" s="94">
        <v>4.7526428772794872E-2</v>
      </c>
    </row>
    <row r="220" spans="1:46">
      <c r="A220" s="49" t="s">
        <v>441</v>
      </c>
      <c r="B220" s="201">
        <v>83</v>
      </c>
      <c r="C220" s="205">
        <v>0.24199999999999999</v>
      </c>
      <c r="D220" s="97">
        <v>9.3320882315486506E-2</v>
      </c>
      <c r="E220" s="205">
        <v>0.214</v>
      </c>
      <c r="F220" s="97">
        <v>8.9840871808489417E-2</v>
      </c>
      <c r="G220" s="205">
        <v>0.54400000000000004</v>
      </c>
      <c r="H220" s="97">
        <v>0.10683275801075451</v>
      </c>
      <c r="I220" s="205">
        <v>0</v>
      </c>
      <c r="J220" s="97">
        <v>3.2134798233390625E-2</v>
      </c>
      <c r="K220" s="201">
        <v>83</v>
      </c>
      <c r="L220" s="205">
        <v>0.37941306756498766</v>
      </c>
      <c r="M220" s="97">
        <v>0.10433482262722975</v>
      </c>
      <c r="N220" s="205">
        <v>0.45987043471961919</v>
      </c>
      <c r="O220" s="97">
        <v>0.10689651133118393</v>
      </c>
      <c r="P220" s="205">
        <v>0.14015092254342928</v>
      </c>
      <c r="Q220" s="97">
        <v>7.7945504953347566E-2</v>
      </c>
      <c r="R220" s="205">
        <v>2.0565575171964258E-2</v>
      </c>
      <c r="S220" s="97">
        <v>4.3307534205761916E-2</v>
      </c>
      <c r="T220" s="201">
        <v>83</v>
      </c>
      <c r="U220" s="205">
        <v>0.68045716967773184</v>
      </c>
      <c r="V220" s="97">
        <v>0.1006555147498573</v>
      </c>
      <c r="W220" s="205">
        <v>0.24106756450225131</v>
      </c>
      <c r="X220" s="97">
        <v>9.3212750411006406E-2</v>
      </c>
      <c r="Y220" s="205">
        <v>4.1454165152274146E-2</v>
      </c>
      <c r="Z220" s="97">
        <v>5.1917657788802765E-2</v>
      </c>
      <c r="AA220" s="205">
        <v>3.7021100667743105E-2</v>
      </c>
      <c r="AB220" s="97">
        <v>5.0244333504206866E-2</v>
      </c>
      <c r="AC220" s="201">
        <v>83</v>
      </c>
      <c r="AD220" s="205">
        <v>0.69299999999999995</v>
      </c>
      <c r="AE220" s="97">
        <v>9.9677054456882755E-2</v>
      </c>
      <c r="AF220" s="205">
        <v>0.26300000000000001</v>
      </c>
      <c r="AG220" s="97">
        <v>9.5623118129544188E-2</v>
      </c>
      <c r="AH220" s="205">
        <v>2.1999999999999999E-2</v>
      </c>
      <c r="AI220" s="97">
        <v>4.3966044345261808E-2</v>
      </c>
      <c r="AJ220" s="205">
        <v>2.1000000000000001E-2</v>
      </c>
      <c r="AK220" s="97">
        <v>4.3508229352793019E-2</v>
      </c>
      <c r="AL220" s="201">
        <v>83</v>
      </c>
      <c r="AM220" s="205">
        <v>0.47599999999999998</v>
      </c>
      <c r="AN220" s="97">
        <v>0.10709878304451367</v>
      </c>
      <c r="AO220" s="205">
        <v>0.40599999999999997</v>
      </c>
      <c r="AP220" s="97">
        <v>0.10547273493174009</v>
      </c>
      <c r="AQ220" s="205">
        <v>4.1999999999999996E-2</v>
      </c>
      <c r="AR220" s="97">
        <v>5.2118885575770775E-2</v>
      </c>
      <c r="AS220" s="205">
        <v>7.3999999999999996E-2</v>
      </c>
      <c r="AT220" s="97">
        <v>6.245102127774204E-2</v>
      </c>
    </row>
    <row r="221" spans="1:46" ht="25.5">
      <c r="A221" s="45" t="s">
        <v>442</v>
      </c>
      <c r="B221" s="198">
        <v>108</v>
      </c>
      <c r="C221" s="204">
        <v>0.26300000000000001</v>
      </c>
      <c r="D221" s="94">
        <v>8.4043234472314973E-2</v>
      </c>
      <c r="E221" s="204">
        <v>0.14699999999999999</v>
      </c>
      <c r="F221" s="94">
        <v>6.9213103323339215E-2</v>
      </c>
      <c r="G221" s="204">
        <v>0.58899999999999997</v>
      </c>
      <c r="H221" s="94">
        <v>9.3088798312985457E-2</v>
      </c>
      <c r="I221" s="204">
        <v>1E-3</v>
      </c>
      <c r="J221" s="94">
        <v>2.5681554246161628E-2</v>
      </c>
      <c r="K221" s="198">
        <v>108</v>
      </c>
      <c r="L221" s="204">
        <v>0.27130833459236653</v>
      </c>
      <c r="M221" s="94">
        <v>8.4804211212884797E-2</v>
      </c>
      <c r="N221" s="204">
        <v>0.40465100557792266</v>
      </c>
      <c r="O221" s="94">
        <v>9.2879791927875169E-2</v>
      </c>
      <c r="P221" s="204">
        <v>0.26610450081191861</v>
      </c>
      <c r="Q221" s="94">
        <v>8.4331566347576256E-2</v>
      </c>
      <c r="R221" s="204">
        <v>5.7936159017792165E-2</v>
      </c>
      <c r="S221" s="94">
        <v>4.9385112907598144E-2</v>
      </c>
      <c r="T221" s="198">
        <v>108</v>
      </c>
      <c r="U221" s="204">
        <v>0.49491747978336648</v>
      </c>
      <c r="V221" s="94">
        <v>9.4486578824521328E-2</v>
      </c>
      <c r="W221" s="204">
        <v>0.24410161917672468</v>
      </c>
      <c r="X221" s="94">
        <v>8.2182271385436628E-2</v>
      </c>
      <c r="Y221" s="204">
        <v>6.1679671163603698E-2</v>
      </c>
      <c r="Z221" s="94">
        <v>5.0481052286692807E-2</v>
      </c>
      <c r="AA221" s="204">
        <v>0.19930122987630539</v>
      </c>
      <c r="AB221" s="94">
        <v>7.697946663340488E-2</v>
      </c>
      <c r="AC221" s="198">
        <v>108</v>
      </c>
      <c r="AD221" s="204">
        <v>0.32200000000000001</v>
      </c>
      <c r="AE221" s="94">
        <v>8.8748989851763702E-2</v>
      </c>
      <c r="AF221" s="204">
        <v>0.371</v>
      </c>
      <c r="AG221" s="94">
        <v>9.1520180657413464E-2</v>
      </c>
      <c r="AH221" s="204">
        <v>7.5000000000000011E-2</v>
      </c>
      <c r="AI221" s="94">
        <v>5.4131584615530505E-2</v>
      </c>
      <c r="AJ221" s="204">
        <v>0.23300000000000001</v>
      </c>
      <c r="AK221" s="94">
        <v>8.1000913041951186E-2</v>
      </c>
      <c r="AL221" s="198">
        <v>108</v>
      </c>
      <c r="AM221" s="204">
        <v>0.23</v>
      </c>
      <c r="AN221" s="94">
        <v>8.0669997556904044E-2</v>
      </c>
      <c r="AO221" s="204">
        <v>0.34099999999999997</v>
      </c>
      <c r="AP221" s="94">
        <v>8.9938975251638645E-2</v>
      </c>
      <c r="AQ221" s="204">
        <v>0.10999999999999999</v>
      </c>
      <c r="AR221" s="94">
        <v>6.2269655706980495E-2</v>
      </c>
      <c r="AS221" s="204">
        <v>0.31900000000000001</v>
      </c>
      <c r="AT221" s="94">
        <v>8.8547260270348496E-2</v>
      </c>
    </row>
    <row r="222" spans="1:46">
      <c r="A222" s="49" t="s">
        <v>462</v>
      </c>
      <c r="B222" s="201">
        <v>71</v>
      </c>
      <c r="C222" s="205">
        <v>0.25800000000000001</v>
      </c>
      <c r="D222" s="97">
        <v>0.1026362495085688</v>
      </c>
      <c r="E222" s="205">
        <v>0.27100000000000002</v>
      </c>
      <c r="F222" s="97">
        <v>0.10405217695125987</v>
      </c>
      <c r="G222" s="205">
        <v>0.47</v>
      </c>
      <c r="H222" s="97">
        <v>0.11528363630628589</v>
      </c>
      <c r="I222" s="205">
        <v>0</v>
      </c>
      <c r="J222" s="97">
        <v>3.7206132509255738E-2</v>
      </c>
      <c r="K222" s="201">
        <v>71</v>
      </c>
      <c r="L222" s="205">
        <v>0.58052732547787755</v>
      </c>
      <c r="M222" s="97">
        <v>0.11412007726136966</v>
      </c>
      <c r="N222" s="205">
        <v>0.377591891259834</v>
      </c>
      <c r="O222" s="97">
        <v>0.11232616807057975</v>
      </c>
      <c r="P222" s="205">
        <v>2.1550014730000198E-2</v>
      </c>
      <c r="Q222" s="97">
        <v>4.890917410764338E-2</v>
      </c>
      <c r="R222" s="205">
        <v>2.0330768532288605E-2</v>
      </c>
      <c r="S222" s="97">
        <v>4.8335004438074321E-2</v>
      </c>
      <c r="T222" s="201">
        <v>71</v>
      </c>
      <c r="U222" s="205">
        <v>0.79760989218388656</v>
      </c>
      <c r="V222" s="97">
        <v>9.5393656641051025E-2</v>
      </c>
      <c r="W222" s="205">
        <v>7.6249969448373006E-2</v>
      </c>
      <c r="X222" s="97">
        <v>6.8926493907916164E-2</v>
      </c>
      <c r="Y222" s="205">
        <v>4.098085665332641E-2</v>
      </c>
      <c r="Z222" s="97">
        <v>5.7120513633887128E-2</v>
      </c>
      <c r="AA222" s="205">
        <v>8.5159281714414073E-2</v>
      </c>
      <c r="AB222" s="97">
        <v>7.1469989082177707E-2</v>
      </c>
      <c r="AC222" s="201">
        <v>71</v>
      </c>
      <c r="AD222" s="205">
        <v>0.74099999999999999</v>
      </c>
      <c r="AE222" s="97">
        <v>0.10274865085606109</v>
      </c>
      <c r="AF222" s="205">
        <v>0.113</v>
      </c>
      <c r="AG222" s="97">
        <v>7.8580862945970081E-2</v>
      </c>
      <c r="AH222" s="205">
        <v>2.1000000000000001E-2</v>
      </c>
      <c r="AI222" s="97">
        <v>4.8651179904233302E-2</v>
      </c>
      <c r="AJ222" s="205">
        <v>0.125</v>
      </c>
      <c r="AK222" s="97">
        <v>8.1314205401024478E-2</v>
      </c>
      <c r="AL222" s="201">
        <v>71</v>
      </c>
      <c r="AM222" s="205">
        <v>0.59099999999999997</v>
      </c>
      <c r="AN222" s="97">
        <v>0.11374327861688584</v>
      </c>
      <c r="AO222" s="205">
        <v>0.247</v>
      </c>
      <c r="AP222" s="97">
        <v>0.10136049371682498</v>
      </c>
      <c r="AQ222" s="205">
        <v>4.1000000000000002E-2</v>
      </c>
      <c r="AR222" s="97">
        <v>5.712786575160439E-2</v>
      </c>
      <c r="AS222" s="205">
        <v>0.122</v>
      </c>
      <c r="AT222" s="97">
        <v>8.0647557317834073E-2</v>
      </c>
    </row>
    <row r="223" spans="1:46">
      <c r="A223" s="45" t="s">
        <v>450</v>
      </c>
      <c r="B223" s="198">
        <v>310</v>
      </c>
      <c r="C223" s="204">
        <v>8.5000000000000006E-2</v>
      </c>
      <c r="D223" s="94">
        <v>3.2346639572596793E-2</v>
      </c>
      <c r="E223" s="204">
        <v>0.129</v>
      </c>
      <c r="F223" s="94">
        <v>3.8415005181077197E-2</v>
      </c>
      <c r="G223" s="204">
        <v>0.76900000000000002</v>
      </c>
      <c r="H223" s="94">
        <v>4.7814776615657736E-2</v>
      </c>
      <c r="I223" s="204">
        <v>1.7000000000000001E-2</v>
      </c>
      <c r="J223" s="94">
        <v>1.6973869399162587E-2</v>
      </c>
      <c r="K223" s="198">
        <v>309</v>
      </c>
      <c r="L223" s="204">
        <v>0.18646306796887596</v>
      </c>
      <c r="M223" s="94">
        <v>4.4390243810899413E-2</v>
      </c>
      <c r="N223" s="204">
        <v>0.43414646743230212</v>
      </c>
      <c r="O223" s="94">
        <v>5.6043507272370369E-2</v>
      </c>
      <c r="P223" s="204">
        <v>0.27229671150749307</v>
      </c>
      <c r="Q223" s="94">
        <v>5.0488723727784846E-2</v>
      </c>
      <c r="R223" s="204">
        <v>0.10709375309132868</v>
      </c>
      <c r="S223" s="94">
        <v>3.5667109105917978E-2</v>
      </c>
      <c r="T223" s="198">
        <v>311</v>
      </c>
      <c r="U223" s="204">
        <v>0.26059581319839004</v>
      </c>
      <c r="V223" s="94">
        <v>4.9650460293659084E-2</v>
      </c>
      <c r="W223" s="204">
        <v>0.33351506480764526</v>
      </c>
      <c r="X223" s="94">
        <v>5.3212031901398504E-2</v>
      </c>
      <c r="Y223" s="204">
        <v>0.18037085021385424</v>
      </c>
      <c r="Z223" s="94">
        <v>4.3703959867747201E-2</v>
      </c>
      <c r="AA223" s="204">
        <v>0.2255182717801103</v>
      </c>
      <c r="AB223" s="94">
        <v>4.7350236375244451E-2</v>
      </c>
      <c r="AC223" s="198">
        <v>310</v>
      </c>
      <c r="AD223" s="204">
        <v>0.26600000000000001</v>
      </c>
      <c r="AE223" s="94">
        <v>5.0048406072902708E-2</v>
      </c>
      <c r="AF223" s="204">
        <v>0.36199999999999999</v>
      </c>
      <c r="AG223" s="94">
        <v>5.4297846554124521E-2</v>
      </c>
      <c r="AH223" s="204">
        <v>0.14000000000000001</v>
      </c>
      <c r="AI223" s="94">
        <v>3.9693231233020564E-2</v>
      </c>
      <c r="AJ223" s="204">
        <v>0.23400000000000001</v>
      </c>
      <c r="AK223" s="94">
        <v>4.8022714698064781E-2</v>
      </c>
      <c r="AL223" s="198">
        <v>308</v>
      </c>
      <c r="AM223" s="204">
        <v>0.151</v>
      </c>
      <c r="AN223" s="94">
        <v>4.1028770811541992E-2</v>
      </c>
      <c r="AO223" s="204">
        <v>0.35399999999999998</v>
      </c>
      <c r="AP223" s="94">
        <v>5.4210778151359565E-2</v>
      </c>
      <c r="AQ223" s="204">
        <v>0.193</v>
      </c>
      <c r="AR223" s="94">
        <v>4.5028787051119484E-2</v>
      </c>
      <c r="AS223" s="204">
        <v>0.30299999999999999</v>
      </c>
      <c r="AT223" s="94">
        <v>5.2156043446259459E-2</v>
      </c>
    </row>
    <row r="224" spans="1:46">
      <c r="A224" s="49" t="s">
        <v>443</v>
      </c>
      <c r="B224" s="201">
        <v>159</v>
      </c>
      <c r="C224" s="205">
        <v>0.13200000000000001</v>
      </c>
      <c r="D224" s="97">
        <v>5.4523259763045104E-2</v>
      </c>
      <c r="E224" s="205">
        <v>0.128</v>
      </c>
      <c r="F224" s="97">
        <v>5.3885704341402843E-2</v>
      </c>
      <c r="G224" s="205">
        <v>0.69899999999999995</v>
      </c>
      <c r="H224" s="97">
        <v>7.2182243694398879E-2</v>
      </c>
      <c r="I224" s="205">
        <v>4.1000000000000002E-2</v>
      </c>
      <c r="J224" s="97">
        <v>3.4864258600307833E-2</v>
      </c>
      <c r="K224" s="201">
        <v>160</v>
      </c>
      <c r="L224" s="205">
        <v>0.24219324388727956</v>
      </c>
      <c r="M224" s="97">
        <v>6.7487722471861245E-2</v>
      </c>
      <c r="N224" s="205">
        <v>0.45045381461210687</v>
      </c>
      <c r="O224" s="97">
        <v>7.7721118502682859E-2</v>
      </c>
      <c r="P224" s="205">
        <v>0.17596829979653561</v>
      </c>
      <c r="Q224" s="97">
        <v>6.0498494049529034E-2</v>
      </c>
      <c r="R224" s="205">
        <v>0.13138464170407813</v>
      </c>
      <c r="S224" s="97">
        <v>5.4251007976054574E-2</v>
      </c>
      <c r="T224" s="201">
        <v>160</v>
      </c>
      <c r="U224" s="205">
        <v>0.29661118617065374</v>
      </c>
      <c r="V224" s="97">
        <v>7.1674447728385229E-2</v>
      </c>
      <c r="W224" s="205">
        <v>0.38927472823201298</v>
      </c>
      <c r="X224" s="97">
        <v>7.6242660395143616E-2</v>
      </c>
      <c r="Y224" s="205">
        <v>0.10737622811934096</v>
      </c>
      <c r="Z224" s="97">
        <v>5.0188559010317116E-2</v>
      </c>
      <c r="AA224" s="205">
        <v>0.20673785747799234</v>
      </c>
      <c r="AB224" s="97">
        <v>6.4039128098524245E-2</v>
      </c>
      <c r="AC224" s="201">
        <v>159</v>
      </c>
      <c r="AD224" s="205">
        <v>0.27500000000000002</v>
      </c>
      <c r="AE224" s="97">
        <v>7.0376581422683979E-2</v>
      </c>
      <c r="AF224" s="205">
        <v>0.36699999999999999</v>
      </c>
      <c r="AG224" s="97">
        <v>7.5643419116105531E-2</v>
      </c>
      <c r="AH224" s="205">
        <v>0.123</v>
      </c>
      <c r="AI224" s="97">
        <v>5.3068092747488173E-2</v>
      </c>
      <c r="AJ224" s="205">
        <v>0.23499999999999999</v>
      </c>
      <c r="AK224" s="97">
        <v>6.704624095732005E-2</v>
      </c>
      <c r="AL224" s="201">
        <v>159</v>
      </c>
      <c r="AM224" s="205">
        <v>0.19800000000000001</v>
      </c>
      <c r="AN224" s="97">
        <v>6.3287705389944715E-2</v>
      </c>
      <c r="AO224" s="205">
        <v>0.39700000000000002</v>
      </c>
      <c r="AP224" s="97">
        <v>7.6728394903586322E-2</v>
      </c>
      <c r="AQ224" s="205">
        <v>0.16300000000000001</v>
      </c>
      <c r="AR224" s="97">
        <v>5.9017840032371149E-2</v>
      </c>
      <c r="AS224" s="205">
        <v>0.24199999999999999</v>
      </c>
      <c r="AT224" s="97">
        <v>6.7680748152688527E-2</v>
      </c>
    </row>
    <row r="225" spans="1:46">
      <c r="A225" s="57" t="s">
        <v>444</v>
      </c>
      <c r="B225" s="198">
        <v>151</v>
      </c>
      <c r="C225" s="204">
        <v>5.2999999999999999E-2</v>
      </c>
      <c r="D225" s="94">
        <v>3.9470905640290516E-2</v>
      </c>
      <c r="E225" s="204">
        <v>0.129</v>
      </c>
      <c r="F225" s="94">
        <v>5.550271982427208E-2</v>
      </c>
      <c r="G225" s="204">
        <v>0.81799999999999995</v>
      </c>
      <c r="H225" s="94">
        <v>6.3046927197943192E-2</v>
      </c>
      <c r="I225" s="204">
        <v>0</v>
      </c>
      <c r="J225" s="94">
        <v>1.8129806198091857E-2</v>
      </c>
      <c r="K225" s="198">
        <v>149</v>
      </c>
      <c r="L225" s="204">
        <v>0.14655330248894194</v>
      </c>
      <c r="M225" s="94">
        <v>5.863859620468221E-2</v>
      </c>
      <c r="N225" s="204">
        <v>0.42246837040819163</v>
      </c>
      <c r="O225" s="94">
        <v>7.9918102931236079E-2</v>
      </c>
      <c r="P225" s="204">
        <v>0.34127988367740741</v>
      </c>
      <c r="Q225" s="94">
        <v>7.6885100359819478E-2</v>
      </c>
      <c r="R225" s="204">
        <v>8.9698443425458727E-2</v>
      </c>
      <c r="S225" s="94">
        <v>4.8598675131975751E-2</v>
      </c>
      <c r="T225" s="198">
        <v>151</v>
      </c>
      <c r="U225" s="204">
        <v>0.23491024243532657</v>
      </c>
      <c r="V225" s="94">
        <v>6.8778765036160219E-2</v>
      </c>
      <c r="W225" s="204">
        <v>0.29374819131964369</v>
      </c>
      <c r="X225" s="94">
        <v>7.3550941587915447E-2</v>
      </c>
      <c r="Y225" s="204">
        <v>0.23242941233330272</v>
      </c>
      <c r="Z225" s="94">
        <v>6.8543082967609609E-2</v>
      </c>
      <c r="AA225" s="204">
        <v>0.23891215391172668</v>
      </c>
      <c r="AB225" s="94">
        <v>6.9152664970609817E-2</v>
      </c>
      <c r="AC225" s="198">
        <v>151</v>
      </c>
      <c r="AD225" s="204">
        <v>0.25900000000000001</v>
      </c>
      <c r="AE225" s="94">
        <v>7.0916224752172199E-2</v>
      </c>
      <c r="AF225" s="204">
        <v>0.35599999999999998</v>
      </c>
      <c r="AG225" s="94">
        <v>7.7095740319349293E-2</v>
      </c>
      <c r="AH225" s="204">
        <v>0.152</v>
      </c>
      <c r="AI225" s="94">
        <v>5.9038724753415449E-2</v>
      </c>
      <c r="AJ225" s="204">
        <v>0.23200000000000001</v>
      </c>
      <c r="AK225" s="94">
        <v>6.8501982513434992E-2</v>
      </c>
      <c r="AL225" s="198">
        <v>149</v>
      </c>
      <c r="AM225" s="204">
        <v>0.11700000000000001</v>
      </c>
      <c r="AN225" s="94">
        <v>5.3840906154207772E-2</v>
      </c>
      <c r="AO225" s="204">
        <v>0.32300000000000001</v>
      </c>
      <c r="AP225" s="94">
        <v>7.5889101122208633E-2</v>
      </c>
      <c r="AQ225" s="204">
        <v>0.21300000000000002</v>
      </c>
      <c r="AR225" s="94">
        <v>6.7034588045453716E-2</v>
      </c>
      <c r="AS225" s="204">
        <v>0.34699999999999998</v>
      </c>
      <c r="AT225" s="94">
        <v>7.7172076632449807E-2</v>
      </c>
    </row>
    <row r="226" spans="1:46">
      <c r="A226" s="49" t="s">
        <v>451</v>
      </c>
      <c r="B226" s="201">
        <v>90</v>
      </c>
      <c r="C226" s="205">
        <v>0.11799999999999999</v>
      </c>
      <c r="D226" s="97">
        <v>7.0327751983928169E-2</v>
      </c>
      <c r="E226" s="205">
        <v>0.13100000000000001</v>
      </c>
      <c r="F226" s="97">
        <v>7.2985167073552681E-2</v>
      </c>
      <c r="G226" s="205">
        <v>0.751</v>
      </c>
      <c r="H226" s="97">
        <v>9.0447282554381489E-2</v>
      </c>
      <c r="I226" s="205">
        <v>0</v>
      </c>
      <c r="J226" s="97">
        <v>2.976782656907849E-2</v>
      </c>
      <c r="K226" s="201">
        <v>92</v>
      </c>
      <c r="L226" s="205">
        <v>0.23515732975101958</v>
      </c>
      <c r="M226" s="97">
        <v>8.7935043024251036E-2</v>
      </c>
      <c r="N226" s="205">
        <v>0.34333882506779223</v>
      </c>
      <c r="O226" s="97">
        <v>9.7352429851350022E-2</v>
      </c>
      <c r="P226" s="205">
        <v>0.33944108827917335</v>
      </c>
      <c r="Q226" s="97">
        <v>9.7109119047313092E-2</v>
      </c>
      <c r="R226" s="205">
        <v>8.2062756902015199E-2</v>
      </c>
      <c r="S226" s="97">
        <v>6.1094589650350431E-2</v>
      </c>
      <c r="T226" s="201">
        <v>92</v>
      </c>
      <c r="U226" s="205">
        <v>0.42576143953936252</v>
      </c>
      <c r="V226" s="97">
        <v>0.10102358390542289</v>
      </c>
      <c r="W226" s="205">
        <v>0.2613214082764051</v>
      </c>
      <c r="X226" s="97">
        <v>9.0756293898797316E-2</v>
      </c>
      <c r="Y226" s="205">
        <v>0.13269858081860131</v>
      </c>
      <c r="Z226" s="97">
        <v>7.2485048990312648E-2</v>
      </c>
      <c r="AA226" s="205">
        <v>0.18021857136563135</v>
      </c>
      <c r="AB226" s="97">
        <v>8.0644276267204912E-2</v>
      </c>
      <c r="AC226" s="201">
        <v>90</v>
      </c>
      <c r="AD226" s="205">
        <v>0.38800000000000001</v>
      </c>
      <c r="AE226" s="97">
        <v>0.10074211021695928</v>
      </c>
      <c r="AF226" s="205">
        <v>0.38300000000000001</v>
      </c>
      <c r="AG226" s="97">
        <v>0.1005201860938113</v>
      </c>
      <c r="AH226" s="205">
        <v>8.1000000000000003E-2</v>
      </c>
      <c r="AI226" s="97">
        <v>6.1562098172985247E-2</v>
      </c>
      <c r="AJ226" s="205">
        <v>0.14699999999999999</v>
      </c>
      <c r="AK226" s="97">
        <v>7.6009624957725161E-2</v>
      </c>
      <c r="AL226" s="201">
        <v>91</v>
      </c>
      <c r="AM226" s="205">
        <v>0.13300000000000001</v>
      </c>
      <c r="AN226" s="97">
        <v>7.2956929689619712E-2</v>
      </c>
      <c r="AO226" s="205">
        <v>0.436</v>
      </c>
      <c r="AP226" s="97">
        <v>0.10182372067949824</v>
      </c>
      <c r="AQ226" s="205">
        <v>0.14000000000000001</v>
      </c>
      <c r="AR226" s="97">
        <v>7.4292146624036187E-2</v>
      </c>
      <c r="AS226" s="205">
        <v>0.29099999999999998</v>
      </c>
      <c r="AT226" s="97">
        <v>9.4014547586502462E-2</v>
      </c>
    </row>
    <row r="227" spans="1:46">
      <c r="A227" s="57" t="s">
        <v>452</v>
      </c>
      <c r="B227" s="198">
        <v>319</v>
      </c>
      <c r="C227" s="204">
        <v>0.24299999999999999</v>
      </c>
      <c r="D227" s="94">
        <v>4.7939171881348025E-2</v>
      </c>
      <c r="E227" s="204">
        <v>0.16</v>
      </c>
      <c r="F227" s="94">
        <v>4.1226615191639442E-2</v>
      </c>
      <c r="G227" s="204">
        <v>0.59099999999999997</v>
      </c>
      <c r="H227" s="94">
        <v>5.4735257249678877E-2</v>
      </c>
      <c r="I227" s="204">
        <v>6.0000000000000001E-3</v>
      </c>
      <c r="J227" s="94">
        <v>1.2175603525937481E-2</v>
      </c>
      <c r="K227" s="198">
        <v>321</v>
      </c>
      <c r="L227" s="204">
        <v>0.39074779205495042</v>
      </c>
      <c r="M227" s="94">
        <v>5.4162826574636572E-2</v>
      </c>
      <c r="N227" s="204">
        <v>0.38371765819672515</v>
      </c>
      <c r="O227" s="94">
        <v>5.3986802684927657E-2</v>
      </c>
      <c r="P227" s="204">
        <v>0.16415735004398685</v>
      </c>
      <c r="Q227" s="94">
        <v>4.1505366524171229E-2</v>
      </c>
      <c r="R227" s="204">
        <v>6.1377199704339434E-2</v>
      </c>
      <c r="S227" s="94">
        <v>2.7694297963693795E-2</v>
      </c>
      <c r="T227" s="198">
        <v>321</v>
      </c>
      <c r="U227" s="204">
        <v>0.53888035657553113</v>
      </c>
      <c r="V227" s="94">
        <v>5.5306174313376887E-2</v>
      </c>
      <c r="W227" s="204">
        <v>0.26512897611817704</v>
      </c>
      <c r="X227" s="94">
        <v>4.9138440380656283E-2</v>
      </c>
      <c r="Y227" s="204">
        <v>5.0011879361902212E-2</v>
      </c>
      <c r="Z227" s="94">
        <v>2.5410929341506346E-2</v>
      </c>
      <c r="AA227" s="204">
        <v>0.14597878794439192</v>
      </c>
      <c r="AB227" s="94">
        <v>3.965001776508531E-2</v>
      </c>
      <c r="AC227" s="198">
        <v>322</v>
      </c>
      <c r="AD227" s="204">
        <v>0.41499999999999998</v>
      </c>
      <c r="AE227" s="94">
        <v>5.4598502516563473E-2</v>
      </c>
      <c r="AF227" s="204">
        <v>0.36799999999999999</v>
      </c>
      <c r="AG227" s="94">
        <v>5.3468752369338117E-2</v>
      </c>
      <c r="AH227" s="204">
        <v>7.1000000000000008E-2</v>
      </c>
      <c r="AI227" s="94">
        <v>2.9400479093189675E-2</v>
      </c>
      <c r="AJ227" s="204">
        <v>0.14499999999999999</v>
      </c>
      <c r="AK227" s="94">
        <v>3.9482645841768318E-2</v>
      </c>
      <c r="AL227" s="198">
        <v>322</v>
      </c>
      <c r="AM227" s="204">
        <v>0.33800000000000002</v>
      </c>
      <c r="AN227" s="94">
        <v>5.2472145513932852E-2</v>
      </c>
      <c r="AO227" s="204">
        <v>0.371</v>
      </c>
      <c r="AP227" s="94">
        <v>5.3556330389737984E-2</v>
      </c>
      <c r="AQ227" s="204">
        <v>9.2999999999999999E-2</v>
      </c>
      <c r="AR227" s="94">
        <v>3.293255190248881E-2</v>
      </c>
      <c r="AS227" s="204">
        <v>0.19800000000000001</v>
      </c>
      <c r="AT227" s="94">
        <v>4.4448964886805865E-2</v>
      </c>
    </row>
    <row r="228" spans="1:46">
      <c r="A228" s="49" t="s">
        <v>445</v>
      </c>
      <c r="B228" s="201">
        <v>104</v>
      </c>
      <c r="C228" s="205">
        <v>0.14299999999999999</v>
      </c>
      <c r="D228" s="97">
        <v>6.9872062849863609E-2</v>
      </c>
      <c r="E228" s="205">
        <v>0.127</v>
      </c>
      <c r="F228" s="97">
        <v>6.6939996000698179E-2</v>
      </c>
      <c r="G228" s="205">
        <v>0.73</v>
      </c>
      <c r="H228" s="97">
        <v>8.6269593235771602E-2</v>
      </c>
      <c r="I228" s="205">
        <v>0</v>
      </c>
      <c r="J228" s="97">
        <v>2.5945514841396074E-2</v>
      </c>
      <c r="K228" s="201">
        <v>103</v>
      </c>
      <c r="L228" s="205">
        <v>0.26345210876534625</v>
      </c>
      <c r="M228" s="97">
        <v>8.6066794828119964E-2</v>
      </c>
      <c r="N228" s="205">
        <v>0.4277594292148531</v>
      </c>
      <c r="O228" s="97">
        <v>9.5734092399406209E-2</v>
      </c>
      <c r="P228" s="205">
        <v>0.19997994560029009</v>
      </c>
      <c r="Q228" s="97">
        <v>7.8916031702040645E-2</v>
      </c>
      <c r="R228" s="205">
        <v>0.10880851641951005</v>
      </c>
      <c r="S228" s="97">
        <v>6.3598305911218705E-2</v>
      </c>
      <c r="T228" s="201">
        <v>103</v>
      </c>
      <c r="U228" s="205">
        <v>0.38481632958769696</v>
      </c>
      <c r="V228" s="97">
        <v>9.4266698024890794E-2</v>
      </c>
      <c r="W228" s="205">
        <v>0.28789377378186765</v>
      </c>
      <c r="X228" s="97">
        <v>8.8245990910818292E-2</v>
      </c>
      <c r="Y228" s="205">
        <v>0.1236204589860148</v>
      </c>
      <c r="Z228" s="97">
        <v>6.6622661021136786E-2</v>
      </c>
      <c r="AA228" s="205">
        <v>0.20366943764442025</v>
      </c>
      <c r="AB228" s="97">
        <v>7.9397462007893022E-2</v>
      </c>
      <c r="AC228" s="201">
        <v>104</v>
      </c>
      <c r="AD228" s="205">
        <v>0.26800000000000002</v>
      </c>
      <c r="AE228" s="97">
        <v>8.6085472236630781E-2</v>
      </c>
      <c r="AF228" s="205">
        <v>0.41700000000000004</v>
      </c>
      <c r="AG228" s="97">
        <v>9.4987688552133756E-2</v>
      </c>
      <c r="AH228" s="205">
        <v>0.154</v>
      </c>
      <c r="AI228" s="97">
        <v>7.1747404746744015E-2</v>
      </c>
      <c r="AJ228" s="205">
        <v>0.16</v>
      </c>
      <c r="AK228" s="97">
        <v>7.2725865176922089E-2</v>
      </c>
      <c r="AL228" s="201">
        <v>104</v>
      </c>
      <c r="AM228" s="205">
        <v>0.27400000000000002</v>
      </c>
      <c r="AN228" s="97">
        <v>8.6631904205062893E-2</v>
      </c>
      <c r="AO228" s="205">
        <v>0.34899999999999998</v>
      </c>
      <c r="AP228" s="97">
        <v>9.2066136829889095E-2</v>
      </c>
      <c r="AQ228" s="205">
        <v>0.13700000000000001</v>
      </c>
      <c r="AR228" s="97">
        <v>6.8802162320737756E-2</v>
      </c>
      <c r="AS228" s="205">
        <v>0.23899999999999999</v>
      </c>
      <c r="AT228" s="97">
        <v>8.318465749642992E-2</v>
      </c>
    </row>
    <row r="229" spans="1:46">
      <c r="A229" s="57" t="s">
        <v>446</v>
      </c>
      <c r="B229" s="198">
        <v>121</v>
      </c>
      <c r="C229" s="204">
        <v>0.252</v>
      </c>
      <c r="D229" s="94">
        <v>7.8459013688218129E-2</v>
      </c>
      <c r="E229" s="204">
        <v>0.22600000000000001</v>
      </c>
      <c r="F229" s="94">
        <v>7.5821260591156098E-2</v>
      </c>
      <c r="G229" s="204">
        <v>0.50600000000000001</v>
      </c>
      <c r="H229" s="94">
        <v>8.9436684578264647E-2</v>
      </c>
      <c r="I229" s="204">
        <v>1.4999999999999999E-2</v>
      </c>
      <c r="J229" s="94">
        <v>3.0770650743850055E-2</v>
      </c>
      <c r="K229" s="198">
        <v>123</v>
      </c>
      <c r="L229" s="204">
        <v>0.39558911210956765</v>
      </c>
      <c r="M229" s="94">
        <v>8.6901930266676836E-2</v>
      </c>
      <c r="N229" s="204">
        <v>0.38328894742593717</v>
      </c>
      <c r="O229" s="94">
        <v>8.6438374210569116E-2</v>
      </c>
      <c r="P229" s="204">
        <v>0.18296409671443437</v>
      </c>
      <c r="Q229" s="94">
        <v>7.0032608345950459E-2</v>
      </c>
      <c r="R229" s="204">
        <v>3.8157843750060143E-2</v>
      </c>
      <c r="S229" s="94">
        <v>3.9654546125131328E-2</v>
      </c>
      <c r="T229" s="198">
        <v>123</v>
      </c>
      <c r="U229" s="204">
        <v>0.56858662850035047</v>
      </c>
      <c r="V229" s="94">
        <v>8.7949078101828476E-2</v>
      </c>
      <c r="W229" s="204">
        <v>0.27281234149667039</v>
      </c>
      <c r="X229" s="94">
        <v>7.9681621710340836E-2</v>
      </c>
      <c r="Y229" s="204">
        <v>1.4168360726670142E-3</v>
      </c>
      <c r="Z229" s="94">
        <v>2.3021482672956374E-2</v>
      </c>
      <c r="AA229" s="204">
        <v>0.15718419393031127</v>
      </c>
      <c r="AB229" s="94">
        <v>6.6347627493231823E-2</v>
      </c>
      <c r="AC229" s="198">
        <v>123</v>
      </c>
      <c r="AD229" s="204">
        <v>0.45400000000000001</v>
      </c>
      <c r="AE229" s="94">
        <v>8.8382702597851692E-2</v>
      </c>
      <c r="AF229" s="204">
        <v>0.377</v>
      </c>
      <c r="AG229" s="94">
        <v>8.61803638551423E-2</v>
      </c>
      <c r="AH229" s="204">
        <v>4.0000000000000001E-3</v>
      </c>
      <c r="AI229" s="94">
        <v>2.4614842527047352E-2</v>
      </c>
      <c r="AJ229" s="204">
        <v>0.16500000000000001</v>
      </c>
      <c r="AK229" s="94">
        <v>6.751680197205108E-2</v>
      </c>
      <c r="AL229" s="198">
        <v>123</v>
      </c>
      <c r="AM229" s="204">
        <v>0.27600000000000002</v>
      </c>
      <c r="AN229" s="94">
        <v>7.9947801518346295E-2</v>
      </c>
      <c r="AO229" s="204">
        <v>0.39299999999999996</v>
      </c>
      <c r="AP229" s="94">
        <v>8.6808838662380136E-2</v>
      </c>
      <c r="AQ229" s="204">
        <v>7.0999999999999994E-2</v>
      </c>
      <c r="AR229" s="94">
        <v>4.9364326059206702E-2</v>
      </c>
      <c r="AS229" s="204">
        <v>0.26</v>
      </c>
      <c r="AT229" s="94">
        <v>7.8564123394845115E-2</v>
      </c>
    </row>
    <row r="230" spans="1:46">
      <c r="A230" s="49" t="s">
        <v>447</v>
      </c>
      <c r="B230" s="201">
        <v>94</v>
      </c>
      <c r="C230" s="205">
        <v>0.33400000000000002</v>
      </c>
      <c r="D230" s="97">
        <v>9.5756400510587592E-2</v>
      </c>
      <c r="E230" s="205">
        <v>0.111</v>
      </c>
      <c r="F230" s="97">
        <v>6.724297643847256E-2</v>
      </c>
      <c r="G230" s="205">
        <v>0.55600000000000005</v>
      </c>
      <c r="H230" s="97">
        <v>0.10043065950078905</v>
      </c>
      <c r="I230" s="205">
        <v>0</v>
      </c>
      <c r="J230" s="97">
        <v>2.8565478049949598E-2</v>
      </c>
      <c r="K230" s="201">
        <v>95</v>
      </c>
      <c r="L230" s="205">
        <v>0.51515981113554421</v>
      </c>
      <c r="M230" s="97">
        <v>0.10046123454607768</v>
      </c>
      <c r="N230" s="205">
        <v>0.33908768207104134</v>
      </c>
      <c r="O230" s="97">
        <v>9.5591154172933124E-2</v>
      </c>
      <c r="P230" s="205">
        <v>0.10348113307740597</v>
      </c>
      <c r="Q230" s="97">
        <v>6.5202511606550009E-2</v>
      </c>
      <c r="R230" s="205">
        <v>4.2271373716008982E-2</v>
      </c>
      <c r="S230" s="97">
        <v>4.8020626268158249E-2</v>
      </c>
      <c r="T230" s="201">
        <v>95</v>
      </c>
      <c r="U230" s="205">
        <v>0.65910930571302506</v>
      </c>
      <c r="V230" s="97">
        <v>9.5703375928826995E-2</v>
      </c>
      <c r="W230" s="205">
        <v>0.23200112661029643</v>
      </c>
      <c r="X230" s="97">
        <v>8.6190595455401808E-2</v>
      </c>
      <c r="Y230" s="205">
        <v>3.6345327509365706E-2</v>
      </c>
      <c r="Z230" s="97">
        <v>4.5856680534475468E-2</v>
      </c>
      <c r="AA230" s="205">
        <v>7.2544240167313118E-2</v>
      </c>
      <c r="AB230" s="97">
        <v>5.7471438108723315E-2</v>
      </c>
      <c r="AC230" s="201">
        <v>95</v>
      </c>
      <c r="AD230" s="205">
        <v>0.51500000000000001</v>
      </c>
      <c r="AE230" s="97">
        <v>0.10046212704322678</v>
      </c>
      <c r="AF230" s="205">
        <v>0.308</v>
      </c>
      <c r="AG230" s="97">
        <v>9.3431707703622399E-2</v>
      </c>
      <c r="AH230" s="205">
        <v>7.3999999999999996E-2</v>
      </c>
      <c r="AI230" s="97">
        <v>5.7872192920072077E-2</v>
      </c>
      <c r="AJ230" s="205">
        <v>0.104</v>
      </c>
      <c r="AK230" s="97">
        <v>6.531972647421809E-2</v>
      </c>
      <c r="AL230" s="201">
        <v>95</v>
      </c>
      <c r="AM230" s="205">
        <v>0.48199999999999998</v>
      </c>
      <c r="AN230" s="97">
        <v>0.10044379359834409</v>
      </c>
      <c r="AO230" s="205">
        <v>0.36499999999999999</v>
      </c>
      <c r="AP230" s="97">
        <v>9.7071872822133323E-2</v>
      </c>
      <c r="AQ230" s="205">
        <v>7.5999999999999998E-2</v>
      </c>
      <c r="AR230" s="97">
        <v>5.8416087325446217E-2</v>
      </c>
      <c r="AS230" s="205">
        <v>7.8E-2</v>
      </c>
      <c r="AT230" s="97">
        <v>5.8952439841268169E-2</v>
      </c>
    </row>
    <row r="231" spans="1:46">
      <c r="A231" s="57" t="s">
        <v>453</v>
      </c>
      <c r="B231" s="198">
        <v>99</v>
      </c>
      <c r="C231" s="204">
        <v>0.113</v>
      </c>
      <c r="D231" s="94">
        <v>6.5844084460414121E-2</v>
      </c>
      <c r="E231" s="204">
        <v>0.189</v>
      </c>
      <c r="F231" s="94">
        <v>7.8985175103860425E-2</v>
      </c>
      <c r="G231" s="204">
        <v>0.69899999999999995</v>
      </c>
      <c r="H231" s="94">
        <v>9.103825749528667E-2</v>
      </c>
      <c r="I231" s="204">
        <v>0</v>
      </c>
      <c r="J231" s="94">
        <v>2.7192544212657866E-2</v>
      </c>
      <c r="K231" s="198">
        <v>99</v>
      </c>
      <c r="L231" s="204">
        <v>0.24205872546067503</v>
      </c>
      <c r="M231" s="94">
        <v>8.5566898137288683E-2</v>
      </c>
      <c r="N231" s="204">
        <v>0.52606523430140739</v>
      </c>
      <c r="O231" s="94">
        <v>9.8409161224455352E-2</v>
      </c>
      <c r="P231" s="204">
        <v>0.16096378628713842</v>
      </c>
      <c r="Q231" s="94">
        <v>7.4731597479468018E-2</v>
      </c>
      <c r="R231" s="204">
        <v>7.0912253950779838E-2</v>
      </c>
      <c r="S231" s="94">
        <v>5.5705998432709139E-2</v>
      </c>
      <c r="T231" s="198">
        <v>101</v>
      </c>
      <c r="U231" s="204">
        <v>0.53225868238539054</v>
      </c>
      <c r="V231" s="94">
        <v>9.7401897456981593E-2</v>
      </c>
      <c r="W231" s="204">
        <v>0.29947407013592242</v>
      </c>
      <c r="X231" s="94">
        <v>9.0035900632963184E-2</v>
      </c>
      <c r="Y231" s="204">
        <v>8.710324560046738E-2</v>
      </c>
      <c r="Z231" s="94">
        <v>5.9284011409937672E-2</v>
      </c>
      <c r="AA231" s="204">
        <v>8.1164001878220024E-2</v>
      </c>
      <c r="AB231" s="94">
        <v>5.7796829965814589E-2</v>
      </c>
      <c r="AC231" s="198">
        <v>101</v>
      </c>
      <c r="AD231" s="204">
        <v>0.42699999999999999</v>
      </c>
      <c r="AE231" s="94">
        <v>9.6622837752232502E-2</v>
      </c>
      <c r="AF231" s="204">
        <v>0.39699999999999996</v>
      </c>
      <c r="AG231" s="94">
        <v>9.5654917177414964E-2</v>
      </c>
      <c r="AH231" s="204">
        <v>8.5999999999999993E-2</v>
      </c>
      <c r="AI231" s="94">
        <v>5.9012187570255489E-2</v>
      </c>
      <c r="AJ231" s="204">
        <v>0.09</v>
      </c>
      <c r="AK231" s="94">
        <v>5.9988463779564426E-2</v>
      </c>
      <c r="AL231" s="198">
        <v>101</v>
      </c>
      <c r="AM231" s="204">
        <v>0.27800000000000002</v>
      </c>
      <c r="AN231" s="94">
        <v>8.8241972123898435E-2</v>
      </c>
      <c r="AO231" s="204">
        <v>0.38200000000000001</v>
      </c>
      <c r="AP231" s="94">
        <v>9.5042179914262184E-2</v>
      </c>
      <c r="AQ231" s="204">
        <v>0.14199999999999999</v>
      </c>
      <c r="AR231" s="94">
        <v>7.075507817514963E-2</v>
      </c>
      <c r="AS231" s="204">
        <v>0.19800000000000001</v>
      </c>
      <c r="AT231" s="94">
        <v>7.9429517517761727E-2</v>
      </c>
    </row>
    <row r="232" spans="1:46">
      <c r="A232" s="49" t="s">
        <v>459</v>
      </c>
      <c r="B232" s="201">
        <v>367</v>
      </c>
      <c r="C232" s="205">
        <v>9.2999999999999999E-2</v>
      </c>
      <c r="D232" s="97">
        <v>3.0785527162437338E-2</v>
      </c>
      <c r="E232" s="205">
        <v>0.17299999999999999</v>
      </c>
      <c r="F232" s="97">
        <v>3.9588764330769841E-2</v>
      </c>
      <c r="G232" s="205">
        <v>0.72099999999999997</v>
      </c>
      <c r="H232" s="97">
        <v>4.6691797614834205E-2</v>
      </c>
      <c r="I232" s="205">
        <v>1.2999999999999999E-2</v>
      </c>
      <c r="J232" s="97">
        <v>1.3898975803685668E-2</v>
      </c>
      <c r="K232" s="201">
        <v>369</v>
      </c>
      <c r="L232" s="205">
        <v>0.18183052137722364</v>
      </c>
      <c r="M232" s="97">
        <v>4.0230932956674487E-2</v>
      </c>
      <c r="N232" s="205">
        <v>0.38890286505897287</v>
      </c>
      <c r="O232" s="97">
        <v>5.0511669054496666E-2</v>
      </c>
      <c r="P232" s="205">
        <v>0.36500521036667655</v>
      </c>
      <c r="Q232" s="97">
        <v>4.9896962528072006E-2</v>
      </c>
      <c r="R232" s="205">
        <v>6.4261403197127628E-2</v>
      </c>
      <c r="S232" s="97">
        <v>2.6235125502979066E-2</v>
      </c>
      <c r="T232" s="201">
        <v>368</v>
      </c>
      <c r="U232" s="205">
        <v>0.18989319318926731</v>
      </c>
      <c r="V232" s="97">
        <v>4.0941965299916783E-2</v>
      </c>
      <c r="W232" s="205">
        <v>0.36972063680228795</v>
      </c>
      <c r="X232" s="97">
        <v>5.0095642901128827E-2</v>
      </c>
      <c r="Y232" s="205">
        <v>0.30123957179518346</v>
      </c>
      <c r="Z232" s="97">
        <v>4.7670385932688304E-2</v>
      </c>
      <c r="AA232" s="205">
        <v>0.139146598213262</v>
      </c>
      <c r="AB232" s="97">
        <v>3.6303691168748299E-2</v>
      </c>
      <c r="AC232" s="201">
        <v>367</v>
      </c>
      <c r="AD232" s="205">
        <v>0.183</v>
      </c>
      <c r="AE232" s="97">
        <v>4.0437792552464547E-2</v>
      </c>
      <c r="AF232" s="205">
        <v>0.33399999999999996</v>
      </c>
      <c r="AG232" s="97">
        <v>4.9037638465774011E-2</v>
      </c>
      <c r="AH232" s="205">
        <v>0.34199999999999997</v>
      </c>
      <c r="AI232" s="97">
        <v>4.9315684273678745E-2</v>
      </c>
      <c r="AJ232" s="205">
        <v>0.14099999999999999</v>
      </c>
      <c r="AK232" s="97">
        <v>3.6546779596773868E-2</v>
      </c>
      <c r="AL232" s="201">
        <v>369</v>
      </c>
      <c r="AM232" s="205">
        <v>0.16600000000000001</v>
      </c>
      <c r="AN232" s="97">
        <v>3.8860966572034139E-2</v>
      </c>
      <c r="AO232" s="205">
        <v>0.30300000000000005</v>
      </c>
      <c r="AP232" s="97">
        <v>4.7682922964258218E-2</v>
      </c>
      <c r="AQ232" s="205">
        <v>0.33899999999999997</v>
      </c>
      <c r="AR232" s="97">
        <v>4.9080768956282779E-2</v>
      </c>
      <c r="AS232" s="205">
        <v>0.193</v>
      </c>
      <c r="AT232" s="97">
        <v>4.1131657771887022E-2</v>
      </c>
    </row>
    <row r="235" spans="1:46" ht="18.75">
      <c r="A235" s="321" t="s">
        <v>16</v>
      </c>
      <c r="B235" s="321"/>
      <c r="C235" s="321"/>
      <c r="D235" s="321"/>
    </row>
    <row r="236" spans="1:46" ht="84" customHeight="1">
      <c r="A236" s="387" t="s">
        <v>509</v>
      </c>
      <c r="B236" s="387"/>
      <c r="C236" s="387"/>
      <c r="D236" s="387"/>
    </row>
    <row r="237" spans="1:46" ht="38.25" customHeight="1">
      <c r="A237" s="371" t="s">
        <v>168</v>
      </c>
      <c r="B237" s="371"/>
      <c r="C237" s="371"/>
      <c r="D237" s="371"/>
    </row>
    <row r="238" spans="1:46" ht="40.5" customHeight="1">
      <c r="A238" s="37" t="s">
        <v>85</v>
      </c>
      <c r="B238" s="38" t="s">
        <v>86</v>
      </c>
      <c r="C238" s="39" t="s">
        <v>87</v>
      </c>
      <c r="D238" s="40" t="s">
        <v>88</v>
      </c>
    </row>
    <row r="239" spans="1:46" ht="72">
      <c r="A239" s="41"/>
      <c r="B239" s="42" t="s">
        <v>89</v>
      </c>
      <c r="C239" s="128" t="s">
        <v>169</v>
      </c>
      <c r="D239" s="44" t="s">
        <v>91</v>
      </c>
    </row>
    <row r="240" spans="1:46">
      <c r="A240" s="45" t="s">
        <v>434</v>
      </c>
      <c r="B240" s="206">
        <v>11010</v>
      </c>
      <c r="C240" s="84">
        <v>5.5</v>
      </c>
      <c r="D240" s="85">
        <v>1.9599999999999999E-2</v>
      </c>
    </row>
    <row r="241" spans="1:4">
      <c r="A241" s="49" t="s">
        <v>435</v>
      </c>
      <c r="B241" s="49">
        <v>8885</v>
      </c>
      <c r="C241" s="208">
        <v>5.61</v>
      </c>
      <c r="D241" s="209">
        <v>1.9599999999999999E-2</v>
      </c>
    </row>
    <row r="242" spans="1:4">
      <c r="A242" s="45" t="s">
        <v>436</v>
      </c>
      <c r="B242" s="53">
        <v>1962</v>
      </c>
      <c r="C242" s="84">
        <v>5.36</v>
      </c>
      <c r="D242" s="85">
        <v>5.8799999999999998E-2</v>
      </c>
    </row>
    <row r="243" spans="1:4">
      <c r="A243" s="49" t="s">
        <v>437</v>
      </c>
      <c r="B243" s="49">
        <v>3071</v>
      </c>
      <c r="C243" s="208">
        <v>5.5</v>
      </c>
      <c r="D243" s="209">
        <v>3.9199999999999999E-2</v>
      </c>
    </row>
    <row r="244" spans="1:4">
      <c r="A244" s="45" t="s">
        <v>438</v>
      </c>
      <c r="B244" s="53">
        <v>2486</v>
      </c>
      <c r="C244" s="84">
        <v>5.6</v>
      </c>
      <c r="D244" s="85">
        <v>3.9199999999999999E-2</v>
      </c>
    </row>
    <row r="245" spans="1:4">
      <c r="A245" s="49" t="s">
        <v>449</v>
      </c>
      <c r="B245" s="49">
        <v>293</v>
      </c>
      <c r="C245" s="208">
        <v>5.8</v>
      </c>
      <c r="D245" s="209">
        <v>0.1176</v>
      </c>
    </row>
    <row r="246" spans="1:4">
      <c r="A246" s="45" t="s">
        <v>439</v>
      </c>
      <c r="B246" s="53">
        <v>147</v>
      </c>
      <c r="C246" s="84">
        <v>5.9</v>
      </c>
      <c r="D246" s="85">
        <v>0.15679999999999999</v>
      </c>
    </row>
    <row r="247" spans="1:4">
      <c r="A247" s="49" t="s">
        <v>440</v>
      </c>
      <c r="B247" s="49">
        <v>93</v>
      </c>
      <c r="C247" s="208">
        <v>5.38</v>
      </c>
      <c r="D247" s="209">
        <v>0.25480000000000003</v>
      </c>
    </row>
    <row r="248" spans="1:4">
      <c r="A248" s="45" t="s">
        <v>475</v>
      </c>
      <c r="B248" s="53">
        <v>266</v>
      </c>
      <c r="C248" s="84">
        <v>5.03</v>
      </c>
      <c r="D248" s="85">
        <v>0.15679999999999999</v>
      </c>
    </row>
    <row r="249" spans="1:4">
      <c r="A249" s="49" t="s">
        <v>441</v>
      </c>
      <c r="B249" s="49">
        <v>83</v>
      </c>
      <c r="C249" s="208">
        <v>4.6399999999999997</v>
      </c>
      <c r="D249" s="209">
        <v>0.31359999999999999</v>
      </c>
    </row>
    <row r="250" spans="1:4" ht="25.5">
      <c r="A250" s="45" t="s">
        <v>442</v>
      </c>
      <c r="B250" s="206">
        <v>108</v>
      </c>
      <c r="C250" s="84">
        <v>5.23</v>
      </c>
      <c r="D250" s="85">
        <v>0.23519999999999999</v>
      </c>
    </row>
    <row r="251" spans="1:4">
      <c r="A251" s="49" t="s">
        <v>462</v>
      </c>
      <c r="B251" s="207">
        <v>71</v>
      </c>
      <c r="C251" s="208">
        <v>5.26</v>
      </c>
      <c r="D251" s="209">
        <v>0.25480000000000003</v>
      </c>
    </row>
    <row r="252" spans="1:4">
      <c r="A252" s="45" t="s">
        <v>450</v>
      </c>
      <c r="B252" s="83">
        <v>310</v>
      </c>
      <c r="C252" s="84">
        <v>5.78</v>
      </c>
      <c r="D252" s="85">
        <v>0.1176</v>
      </c>
    </row>
    <row r="253" spans="1:4">
      <c r="A253" s="49" t="s">
        <v>443</v>
      </c>
      <c r="B253" s="207">
        <v>159</v>
      </c>
      <c r="C253" s="208">
        <v>5.66</v>
      </c>
      <c r="D253" s="209">
        <v>0.19600000000000001</v>
      </c>
    </row>
    <row r="254" spans="1:4">
      <c r="A254" s="57" t="s">
        <v>444</v>
      </c>
      <c r="B254" s="206">
        <v>151</v>
      </c>
      <c r="C254" s="84">
        <v>5.86</v>
      </c>
      <c r="D254" s="85">
        <v>0.1764</v>
      </c>
    </row>
    <row r="255" spans="1:4">
      <c r="A255" s="49" t="s">
        <v>451</v>
      </c>
      <c r="B255" s="207">
        <v>91</v>
      </c>
      <c r="C255" s="208">
        <v>6.28</v>
      </c>
      <c r="D255" s="209">
        <v>0.1764</v>
      </c>
    </row>
    <row r="256" spans="1:4">
      <c r="A256" s="57" t="s">
        <v>452</v>
      </c>
      <c r="B256" s="206">
        <v>322</v>
      </c>
      <c r="C256" s="84">
        <v>5.36</v>
      </c>
      <c r="D256" s="85">
        <v>0.13720000000000002</v>
      </c>
    </row>
    <row r="257" spans="1:38">
      <c r="A257" s="49" t="s">
        <v>445</v>
      </c>
      <c r="B257" s="207">
        <v>104</v>
      </c>
      <c r="C257" s="208">
        <v>5.8</v>
      </c>
      <c r="D257" s="209">
        <v>0.19600000000000001</v>
      </c>
    </row>
    <row r="258" spans="1:38">
      <c r="A258" s="57" t="s">
        <v>446</v>
      </c>
      <c r="B258" s="206">
        <v>123</v>
      </c>
      <c r="C258" s="84">
        <v>5.18</v>
      </c>
      <c r="D258" s="85">
        <v>0.23519999999999999</v>
      </c>
    </row>
    <row r="259" spans="1:38">
      <c r="A259" s="49" t="s">
        <v>447</v>
      </c>
      <c r="B259" s="207">
        <v>95</v>
      </c>
      <c r="C259" s="208">
        <v>5.15</v>
      </c>
      <c r="D259" s="209">
        <v>0.23519999999999999</v>
      </c>
    </row>
    <row r="260" spans="1:38">
      <c r="A260" s="57" t="s">
        <v>453</v>
      </c>
      <c r="B260" s="206">
        <v>100</v>
      </c>
      <c r="C260" s="84">
        <v>5.96</v>
      </c>
      <c r="D260" s="85">
        <v>0.19600000000000001</v>
      </c>
    </row>
    <row r="261" spans="1:38">
      <c r="A261" s="49" t="s">
        <v>459</v>
      </c>
      <c r="B261" s="207">
        <v>365</v>
      </c>
      <c r="C261" s="208">
        <v>5.2</v>
      </c>
      <c r="D261" s="209">
        <v>0.13720000000000002</v>
      </c>
    </row>
    <row r="263" spans="1:38">
      <c r="P263" s="257"/>
      <c r="Q263" s="257"/>
      <c r="R263" s="257"/>
      <c r="S263" s="257"/>
      <c r="T263" s="257"/>
      <c r="U263" s="257"/>
      <c r="V263" s="257"/>
      <c r="W263" s="257"/>
      <c r="X263" s="257"/>
      <c r="Y263" s="257"/>
      <c r="Z263" s="257"/>
      <c r="AA263" s="257"/>
      <c r="AB263" s="257"/>
      <c r="AC263" s="257"/>
      <c r="AD263" s="257"/>
      <c r="AE263" s="257"/>
      <c r="AF263" s="257"/>
      <c r="AG263" s="257"/>
      <c r="AH263" s="257"/>
    </row>
    <row r="264" spans="1:38" ht="18.75">
      <c r="A264" s="321" t="s">
        <v>53</v>
      </c>
      <c r="B264" s="321"/>
      <c r="C264" s="321"/>
      <c r="D264" s="321"/>
      <c r="E264" s="321"/>
      <c r="F264" s="321"/>
      <c r="G264" s="321"/>
      <c r="H264" s="321"/>
      <c r="I264" s="321"/>
      <c r="J264" s="321"/>
      <c r="K264" s="321"/>
      <c r="L264" s="321"/>
      <c r="M264" s="321"/>
      <c r="N264" s="321"/>
      <c r="O264" s="321"/>
      <c r="P264" s="321"/>
      <c r="Q264" s="321"/>
      <c r="R264" s="321"/>
      <c r="S264" s="321"/>
      <c r="T264" s="227"/>
      <c r="U264" s="227"/>
      <c r="V264" s="227"/>
      <c r="W264" s="257"/>
      <c r="X264" s="257"/>
      <c r="Y264" s="257"/>
      <c r="Z264" s="257"/>
      <c r="AA264" s="257"/>
      <c r="AB264" s="257"/>
      <c r="AC264" s="257"/>
      <c r="AD264" s="257"/>
      <c r="AE264" s="257"/>
      <c r="AF264" s="257"/>
      <c r="AG264" s="257"/>
      <c r="AH264" s="257"/>
    </row>
    <row r="265" spans="1:38" ht="44.25" customHeight="1">
      <c r="A265" s="389" t="s">
        <v>510</v>
      </c>
      <c r="B265" s="389"/>
      <c r="C265" s="389"/>
      <c r="D265" s="389"/>
      <c r="E265" s="389"/>
      <c r="F265" s="389"/>
      <c r="G265" s="389"/>
      <c r="H265" s="389"/>
      <c r="I265" s="389"/>
      <c r="J265" s="389"/>
      <c r="K265" s="389"/>
      <c r="L265" s="389"/>
      <c r="M265" s="389"/>
      <c r="N265" s="389"/>
      <c r="O265" s="389"/>
      <c r="P265" s="389"/>
      <c r="Q265" s="389"/>
      <c r="R265" s="389"/>
      <c r="S265" s="389"/>
      <c r="T265" s="258"/>
      <c r="U265" s="258"/>
      <c r="V265" s="258"/>
      <c r="W265" s="257"/>
      <c r="X265" s="257"/>
      <c r="Y265" s="257"/>
      <c r="Z265" s="257"/>
      <c r="AA265" s="257"/>
      <c r="AB265" s="257"/>
      <c r="AC265" s="257"/>
      <c r="AD265" s="257"/>
      <c r="AE265" s="257"/>
      <c r="AF265" s="257"/>
      <c r="AG265" s="257"/>
      <c r="AH265" s="257"/>
    </row>
    <row r="266" spans="1:38" ht="35.25" customHeight="1">
      <c r="A266" s="64"/>
      <c r="B266" s="364" t="s">
        <v>281</v>
      </c>
      <c r="C266" s="365"/>
      <c r="D266" s="365"/>
      <c r="E266" s="365"/>
      <c r="F266" s="365"/>
      <c r="G266" s="365"/>
      <c r="H266" s="365"/>
      <c r="I266" s="365"/>
      <c r="J266" s="366"/>
      <c r="K266" s="364" t="s">
        <v>282</v>
      </c>
      <c r="L266" s="365"/>
      <c r="M266" s="365"/>
      <c r="N266" s="365"/>
      <c r="O266" s="365"/>
      <c r="P266" s="365"/>
      <c r="Q266" s="365"/>
      <c r="R266" s="365"/>
      <c r="S266" s="366"/>
      <c r="T266" s="257"/>
      <c r="U266" s="257"/>
      <c r="V266" s="257"/>
      <c r="W266" s="257"/>
      <c r="X266" s="257"/>
      <c r="Y266" s="257"/>
      <c r="Z266" s="257"/>
      <c r="AA266" s="257"/>
      <c r="AB266" s="257"/>
      <c r="AC266" s="257"/>
      <c r="AD266" s="257"/>
      <c r="AE266" s="257"/>
      <c r="AF266" s="257"/>
      <c r="AG266" s="257"/>
      <c r="AH266" s="257"/>
      <c r="AI266" s="257"/>
      <c r="AJ266" s="257"/>
      <c r="AK266" s="257"/>
      <c r="AL266" s="257"/>
    </row>
    <row r="267" spans="1:38" ht="59.25" customHeight="1">
      <c r="A267" s="37" t="s">
        <v>85</v>
      </c>
      <c r="B267" s="38" t="s">
        <v>86</v>
      </c>
      <c r="C267" s="38" t="s">
        <v>257</v>
      </c>
      <c r="D267" s="89" t="s">
        <v>350</v>
      </c>
      <c r="E267" s="38" t="s">
        <v>351</v>
      </c>
      <c r="F267" s="89" t="s">
        <v>318</v>
      </c>
      <c r="G267" s="38" t="s">
        <v>352</v>
      </c>
      <c r="H267" s="89" t="s">
        <v>319</v>
      </c>
      <c r="I267" s="38" t="s">
        <v>356</v>
      </c>
      <c r="J267" s="89" t="s">
        <v>370</v>
      </c>
      <c r="K267" s="65" t="s">
        <v>86</v>
      </c>
      <c r="L267" s="65" t="s">
        <v>257</v>
      </c>
      <c r="M267" s="88" t="s">
        <v>350</v>
      </c>
      <c r="N267" s="65" t="s">
        <v>351</v>
      </c>
      <c r="O267" s="88" t="s">
        <v>318</v>
      </c>
      <c r="P267" s="65" t="s">
        <v>352</v>
      </c>
      <c r="Q267" s="260" t="s">
        <v>319</v>
      </c>
      <c r="R267" s="65" t="s">
        <v>356</v>
      </c>
      <c r="S267" s="88" t="s">
        <v>370</v>
      </c>
      <c r="T267" s="257"/>
      <c r="U267" s="257"/>
      <c r="V267" s="257"/>
      <c r="W267" s="257"/>
      <c r="X267" s="257"/>
      <c r="Y267" s="257"/>
      <c r="Z267" s="257"/>
      <c r="AA267" s="257"/>
      <c r="AB267" s="257"/>
      <c r="AC267" s="257"/>
      <c r="AD267" s="257"/>
      <c r="AE267" s="257"/>
      <c r="AF267" s="257"/>
      <c r="AG267" s="257"/>
      <c r="AH267" s="257"/>
      <c r="AI267" s="257"/>
      <c r="AJ267" s="257"/>
      <c r="AK267" s="257"/>
      <c r="AL267" s="257"/>
    </row>
    <row r="268" spans="1:38" ht="72">
      <c r="A268" s="41"/>
      <c r="B268" s="42" t="s">
        <v>89</v>
      </c>
      <c r="C268" s="42" t="s">
        <v>181</v>
      </c>
      <c r="D268" s="91" t="s">
        <v>104</v>
      </c>
      <c r="E268" s="42" t="s">
        <v>182</v>
      </c>
      <c r="F268" s="91" t="s">
        <v>104</v>
      </c>
      <c r="G268" s="42" t="s">
        <v>183</v>
      </c>
      <c r="H268" s="91" t="s">
        <v>104</v>
      </c>
      <c r="I268" s="42" t="s">
        <v>356</v>
      </c>
      <c r="J268" s="91" t="s">
        <v>104</v>
      </c>
      <c r="K268" s="68" t="s">
        <v>89</v>
      </c>
      <c r="L268" s="68" t="s">
        <v>181</v>
      </c>
      <c r="M268" s="90" t="s">
        <v>104</v>
      </c>
      <c r="N268" s="68" t="s">
        <v>182</v>
      </c>
      <c r="O268" s="90" t="s">
        <v>104</v>
      </c>
      <c r="P268" s="68" t="s">
        <v>183</v>
      </c>
      <c r="Q268" s="274" t="s">
        <v>104</v>
      </c>
      <c r="R268" s="68" t="s">
        <v>356</v>
      </c>
      <c r="S268" s="90" t="s">
        <v>104</v>
      </c>
    </row>
    <row r="269" spans="1:38">
      <c r="A269" s="45" t="s">
        <v>434</v>
      </c>
      <c r="B269" s="206">
        <v>10996</v>
      </c>
      <c r="C269" s="210">
        <v>0.08</v>
      </c>
      <c r="D269" s="94">
        <v>5.1778643397893511E-3</v>
      </c>
      <c r="E269" s="210">
        <v>0.114</v>
      </c>
      <c r="F269" s="94">
        <v>6.0636724853184573E-3</v>
      </c>
      <c r="G269" s="210">
        <v>0.79800000000000004</v>
      </c>
      <c r="H269" s="94">
        <v>7.6576894921402067E-3</v>
      </c>
      <c r="I269" s="210">
        <v>8.0000000000000002E-3</v>
      </c>
      <c r="J269" s="94">
        <v>1.7175050125100056E-3</v>
      </c>
      <c r="K269" s="206">
        <v>10971</v>
      </c>
      <c r="L269" s="212">
        <v>7.2999999999999995E-2</v>
      </c>
      <c r="M269" s="94">
        <v>4.9711286993327228E-3</v>
      </c>
      <c r="N269" s="210">
        <v>0.13200000000000001</v>
      </c>
      <c r="O269" s="94">
        <v>6.4648958237158291E-3</v>
      </c>
      <c r="P269" s="210">
        <v>0.78800000000000003</v>
      </c>
      <c r="Q269" s="275">
        <v>7.8043606594874375E-3</v>
      </c>
      <c r="R269" s="210">
        <v>8.0000000000000002E-3</v>
      </c>
      <c r="S269" s="94">
        <v>1.7195025405736641E-3</v>
      </c>
    </row>
    <row r="270" spans="1:38">
      <c r="A270" s="49" t="s">
        <v>435</v>
      </c>
      <c r="B270" s="207">
        <v>8848</v>
      </c>
      <c r="C270" s="211">
        <v>0.08</v>
      </c>
      <c r="D270" s="97">
        <v>5.77321775012638E-3</v>
      </c>
      <c r="E270" s="211">
        <v>0.09</v>
      </c>
      <c r="F270" s="97">
        <v>6.0891066032065476E-3</v>
      </c>
      <c r="G270" s="211">
        <v>0.82599999999999996</v>
      </c>
      <c r="H270" s="97">
        <v>8.0615578238856928E-3</v>
      </c>
      <c r="I270" s="211">
        <v>4.0000000000000001E-3</v>
      </c>
      <c r="J270" s="97">
        <v>1.3786649574526128E-3</v>
      </c>
      <c r="K270" s="207">
        <v>8824</v>
      </c>
      <c r="L270" s="211">
        <v>6.8000000000000005E-2</v>
      </c>
      <c r="M270" s="97">
        <v>5.3658657756638396E-3</v>
      </c>
      <c r="N270" s="211">
        <v>0.12</v>
      </c>
      <c r="O270" s="97">
        <v>6.9214908231813605E-3</v>
      </c>
      <c r="P270" s="211">
        <v>0.80900000000000005</v>
      </c>
      <c r="Q270" s="276">
        <v>8.3697273672447038E-3</v>
      </c>
      <c r="R270" s="211">
        <v>3.0000000000000001E-3</v>
      </c>
      <c r="S270" s="97">
        <v>1.2069108323037394E-3</v>
      </c>
    </row>
    <row r="271" spans="1:38">
      <c r="A271" s="45" t="s">
        <v>436</v>
      </c>
      <c r="B271" s="206">
        <v>1983</v>
      </c>
      <c r="C271" s="210">
        <v>8.2600000000000007E-2</v>
      </c>
      <c r="D271" s="94">
        <v>1.2407928405831475E-2</v>
      </c>
      <c r="E271" s="210">
        <v>0.16009999999999999</v>
      </c>
      <c r="F271" s="94">
        <v>1.64812301671046E-2</v>
      </c>
      <c r="G271" s="210">
        <v>0.74270000000000003</v>
      </c>
      <c r="H271" s="94">
        <v>1.9625770367670839E-2</v>
      </c>
      <c r="I271" s="210">
        <v>1.4500000000000001E-2</v>
      </c>
      <c r="J271" s="94">
        <v>5.5385012559716019E-3</v>
      </c>
      <c r="K271" s="206">
        <v>1984</v>
      </c>
      <c r="L271" s="212">
        <v>6.2300000000000001E-2</v>
      </c>
      <c r="M271" s="94">
        <v>1.0912942979242916E-2</v>
      </c>
      <c r="N271" s="210">
        <v>0.1482</v>
      </c>
      <c r="O271" s="94">
        <v>1.5968675332372655E-2</v>
      </c>
      <c r="P271" s="210">
        <v>0.77449999999999997</v>
      </c>
      <c r="Q271" s="275">
        <v>1.8762127681943033E-2</v>
      </c>
      <c r="R271" s="210">
        <v>1.4999999999999999E-2</v>
      </c>
      <c r="S271" s="94">
        <v>5.624147989777231E-3</v>
      </c>
    </row>
    <row r="272" spans="1:38">
      <c r="A272" s="49" t="s">
        <v>437</v>
      </c>
      <c r="B272" s="207">
        <v>3070</v>
      </c>
      <c r="C272" s="211">
        <v>7.6999999999999999E-2</v>
      </c>
      <c r="D272" s="97">
        <v>9.6480926954708186E-3</v>
      </c>
      <c r="E272" s="211">
        <v>0.123</v>
      </c>
      <c r="F272" s="97">
        <v>1.1867882889998379E-2</v>
      </c>
      <c r="G272" s="211">
        <v>0.79200000000000004</v>
      </c>
      <c r="H272" s="97">
        <v>1.4650904246055165E-2</v>
      </c>
      <c r="I272" s="211">
        <v>8.9999999999999993E-3</v>
      </c>
      <c r="J272" s="97">
        <v>3.5244288165626816E-3</v>
      </c>
      <c r="K272" s="207">
        <v>3069</v>
      </c>
      <c r="L272" s="211">
        <v>7.1999999999999995E-2</v>
      </c>
      <c r="M272" s="97">
        <v>9.359061315772613E-3</v>
      </c>
      <c r="N272" s="211">
        <v>0.154</v>
      </c>
      <c r="O272" s="97">
        <v>1.3038053201171738E-2</v>
      </c>
      <c r="P272" s="211">
        <v>0.76700000000000002</v>
      </c>
      <c r="Q272" s="276">
        <v>1.5259826566881497E-2</v>
      </c>
      <c r="R272" s="211">
        <v>7.0000000000000001E-3</v>
      </c>
      <c r="S272" s="97">
        <v>3.14179955393093E-3</v>
      </c>
    </row>
    <row r="273" spans="1:19">
      <c r="A273" s="45" t="s">
        <v>438</v>
      </c>
      <c r="B273" s="206">
        <v>2479</v>
      </c>
      <c r="C273" s="210">
        <v>6.6000000000000003E-2</v>
      </c>
      <c r="D273" s="94">
        <v>1.0014116260592764E-2</v>
      </c>
      <c r="E273" s="210">
        <v>0.1</v>
      </c>
      <c r="F273" s="94">
        <v>1.20754168057895E-2</v>
      </c>
      <c r="G273" s="210">
        <v>0.82799999999999996</v>
      </c>
      <c r="H273" s="94">
        <v>1.5165211618234139E-2</v>
      </c>
      <c r="I273" s="210">
        <v>6.0000000000000001E-3</v>
      </c>
      <c r="J273" s="94">
        <v>3.2974754409609572E-3</v>
      </c>
      <c r="K273" s="206">
        <v>2478</v>
      </c>
      <c r="L273" s="212">
        <v>7.1999999999999995E-2</v>
      </c>
      <c r="M273" s="94">
        <v>1.0422652775500032E-2</v>
      </c>
      <c r="N273" s="210">
        <v>0.13800000000000001</v>
      </c>
      <c r="O273" s="94">
        <v>1.3870474941072512E-2</v>
      </c>
      <c r="P273" s="210">
        <v>0.78600000000000003</v>
      </c>
      <c r="Q273" s="275">
        <v>1.6477339358366799E-2</v>
      </c>
      <c r="R273" s="210">
        <v>4.0000000000000001E-3</v>
      </c>
      <c r="S273" s="94">
        <v>2.7744435008269621E-3</v>
      </c>
    </row>
    <row r="274" spans="1:19">
      <c r="A274" s="49" t="s">
        <v>449</v>
      </c>
      <c r="B274" s="207">
        <v>295</v>
      </c>
      <c r="C274" s="211">
        <v>2.1000000000000001E-2</v>
      </c>
      <c r="D274" s="97">
        <v>1.8884201542445377E-2</v>
      </c>
      <c r="E274" s="211">
        <v>5.7000000000000002E-2</v>
      </c>
      <c r="F274" s="97">
        <v>2.8086509191787606E-2</v>
      </c>
      <c r="G274" s="211">
        <v>0.90200000000000002</v>
      </c>
      <c r="H274" s="97">
        <v>3.5213810522405777E-2</v>
      </c>
      <c r="I274" s="211">
        <v>0.02</v>
      </c>
      <c r="J274" s="97">
        <v>1.8550595752367519E-2</v>
      </c>
      <c r="K274" s="207">
        <v>291</v>
      </c>
      <c r="L274" s="211">
        <v>7.5999999999999998E-2</v>
      </c>
      <c r="M274" s="97">
        <v>3.1903717141907942E-2</v>
      </c>
      <c r="N274" s="211">
        <v>0.13</v>
      </c>
      <c r="O274" s="97">
        <v>3.9793939167868629E-2</v>
      </c>
      <c r="P274" s="211">
        <v>0.78300000000000003</v>
      </c>
      <c r="Q274" s="276">
        <v>4.8302462344436761E-2</v>
      </c>
      <c r="R274" s="211">
        <v>1.0999999999999999E-2</v>
      </c>
      <c r="S274" s="97">
        <v>1.5324589145599057E-2</v>
      </c>
    </row>
    <row r="275" spans="1:19">
      <c r="A275" s="45" t="s">
        <v>439</v>
      </c>
      <c r="B275" s="206">
        <v>147</v>
      </c>
      <c r="C275" s="210">
        <v>8.0000000000000002E-3</v>
      </c>
      <c r="D275" s="94">
        <v>2.3354861517458036E-2</v>
      </c>
      <c r="E275" s="210">
        <v>3.9E-2</v>
      </c>
      <c r="F275" s="94">
        <v>3.5876631781132373E-2</v>
      </c>
      <c r="G275" s="210">
        <v>0.93600000000000005</v>
      </c>
      <c r="H275" s="94">
        <v>4.3012986305516449E-2</v>
      </c>
      <c r="I275" s="210">
        <v>1.6E-2</v>
      </c>
      <c r="J275" s="94">
        <v>2.7229965448402643E-2</v>
      </c>
      <c r="K275" s="206">
        <v>146</v>
      </c>
      <c r="L275" s="212">
        <v>7.1999999999999995E-2</v>
      </c>
      <c r="M275" s="94">
        <v>4.5153235145979825E-2</v>
      </c>
      <c r="N275" s="210">
        <v>0.10199999999999999</v>
      </c>
      <c r="O275" s="94">
        <v>5.162210650199877E-2</v>
      </c>
      <c r="P275" s="210">
        <v>0.82599999999999996</v>
      </c>
      <c r="Q275" s="275">
        <v>6.3101289852403472E-2</v>
      </c>
      <c r="R275" s="210">
        <v>0</v>
      </c>
      <c r="S275" s="94">
        <v>1.8730051116182648E-2</v>
      </c>
    </row>
    <row r="276" spans="1:19">
      <c r="A276" s="49" t="s">
        <v>440</v>
      </c>
      <c r="B276" s="207">
        <v>94</v>
      </c>
      <c r="C276" s="211">
        <v>6.3E-2</v>
      </c>
      <c r="D276" s="97">
        <v>5.507032869678375E-2</v>
      </c>
      <c r="E276" s="211">
        <v>0.11799999999999999</v>
      </c>
      <c r="F276" s="97">
        <v>6.8733456753219707E-2</v>
      </c>
      <c r="G276" s="211">
        <v>0.81799999999999995</v>
      </c>
      <c r="H276" s="97">
        <v>8.0041456249415804E-2</v>
      </c>
      <c r="I276" s="211">
        <v>0</v>
      </c>
      <c r="J276" s="97">
        <v>2.8565478049949598E-2</v>
      </c>
      <c r="K276" s="207">
        <v>92</v>
      </c>
      <c r="L276" s="211">
        <v>9.6000000000000002E-2</v>
      </c>
      <c r="M276" s="97">
        <v>6.4582625444149139E-2</v>
      </c>
      <c r="N276" s="211">
        <v>0.22600000000000001</v>
      </c>
      <c r="O276" s="97">
        <v>8.6854762164478627E-2</v>
      </c>
      <c r="P276" s="211">
        <v>0.67700000000000005</v>
      </c>
      <c r="Q276" s="276">
        <v>9.6009409125486236E-2</v>
      </c>
      <c r="R276" s="211">
        <v>1E-3</v>
      </c>
      <c r="S276" s="97">
        <v>2.9802677403881261E-2</v>
      </c>
    </row>
    <row r="277" spans="1:19">
      <c r="A277" s="45" t="s">
        <v>475</v>
      </c>
      <c r="B277" s="206">
        <v>266</v>
      </c>
      <c r="C277" s="210">
        <v>0.14899999999999999</v>
      </c>
      <c r="D277" s="94">
        <v>4.3956604863332104E-2</v>
      </c>
      <c r="E277" s="210">
        <v>0.17499999999999999</v>
      </c>
      <c r="F277" s="94">
        <v>4.6743024385570674E-2</v>
      </c>
      <c r="G277" s="210">
        <v>0.67100000000000004</v>
      </c>
      <c r="H277" s="94">
        <v>5.7299600182461642E-2</v>
      </c>
      <c r="I277" s="210">
        <v>6.0000000000000001E-3</v>
      </c>
      <c r="J277" s="94">
        <v>1.3952902569658266E-2</v>
      </c>
      <c r="K277" s="206">
        <v>266</v>
      </c>
      <c r="L277" s="212">
        <v>0.13600000000000001</v>
      </c>
      <c r="M277" s="94">
        <v>4.2409070894228157E-2</v>
      </c>
      <c r="N277" s="210">
        <v>0.191</v>
      </c>
      <c r="O277" s="94">
        <v>4.8278069650152203E-2</v>
      </c>
      <c r="P277" s="210">
        <v>0.66700000000000004</v>
      </c>
      <c r="Q277" s="275">
        <v>5.7468989344427117E-2</v>
      </c>
      <c r="R277" s="210">
        <v>6.0000000000000001E-3</v>
      </c>
      <c r="S277" s="94">
        <v>1.3952902569658266E-2</v>
      </c>
    </row>
    <row r="278" spans="1:19">
      <c r="A278" s="49" t="s">
        <v>441</v>
      </c>
      <c r="B278" s="207">
        <v>83</v>
      </c>
      <c r="C278" s="211">
        <v>0.23699999999999999</v>
      </c>
      <c r="D278" s="97">
        <v>9.2734983284527048E-2</v>
      </c>
      <c r="E278" s="211">
        <v>0.23799999999999999</v>
      </c>
      <c r="F278" s="97">
        <v>9.2853360201853988E-2</v>
      </c>
      <c r="G278" s="211">
        <v>0.52500000000000002</v>
      </c>
      <c r="H278" s="97">
        <v>0.10708920979502586</v>
      </c>
      <c r="I278" s="211">
        <v>0</v>
      </c>
      <c r="J278" s="97">
        <v>3.2134798233390625E-2</v>
      </c>
      <c r="K278" s="207">
        <v>83</v>
      </c>
      <c r="L278" s="211">
        <v>0.17699999999999999</v>
      </c>
      <c r="M278" s="97">
        <v>8.4430187904910428E-2</v>
      </c>
      <c r="N278" s="211">
        <v>0.26300000000000001</v>
      </c>
      <c r="O278" s="97">
        <v>9.5623118129544188E-2</v>
      </c>
      <c r="P278" s="211">
        <v>0.56100000000000005</v>
      </c>
      <c r="Q278" s="276">
        <v>0.10648259156221615</v>
      </c>
      <c r="R278" s="211">
        <v>0</v>
      </c>
      <c r="S278" s="97">
        <v>3.2134798233390625E-2</v>
      </c>
    </row>
    <row r="279" spans="1:19" ht="25.5">
      <c r="A279" s="45" t="s">
        <v>442</v>
      </c>
      <c r="B279" s="206">
        <v>108</v>
      </c>
      <c r="C279" s="210">
        <v>0.13400000000000001</v>
      </c>
      <c r="D279" s="94">
        <v>6.6933181892036328E-2</v>
      </c>
      <c r="E279" s="210">
        <v>8.5000000000000006E-2</v>
      </c>
      <c r="F279" s="94">
        <v>5.6649647259457772E-2</v>
      </c>
      <c r="G279" s="210">
        <v>0.76400000000000001</v>
      </c>
      <c r="H279" s="94">
        <v>8.1326807159030998E-2</v>
      </c>
      <c r="I279" s="210">
        <v>1.7000000000000001E-2</v>
      </c>
      <c r="J279" s="94">
        <v>3.4370324357337265E-2</v>
      </c>
      <c r="K279" s="206">
        <v>108</v>
      </c>
      <c r="L279" s="212">
        <v>0.13</v>
      </c>
      <c r="M279" s="94">
        <v>6.6198822303301014E-2</v>
      </c>
      <c r="N279" s="210">
        <v>0.187</v>
      </c>
      <c r="O279" s="94">
        <v>7.5333502615062609E-2</v>
      </c>
      <c r="P279" s="210">
        <v>0.66400000000000003</v>
      </c>
      <c r="Q279" s="275">
        <v>8.9640320315352892E-2</v>
      </c>
      <c r="R279" s="210">
        <v>1.9E-2</v>
      </c>
      <c r="S279" s="94">
        <v>3.5289457348153058E-2</v>
      </c>
    </row>
    <row r="280" spans="1:19">
      <c r="A280" s="49" t="s">
        <v>462</v>
      </c>
      <c r="B280" s="207">
        <v>71</v>
      </c>
      <c r="C280" s="211">
        <v>0.06</v>
      </c>
      <c r="D280" s="97">
        <v>6.3874870268767286E-2</v>
      </c>
      <c r="E280" s="211">
        <v>0.215</v>
      </c>
      <c r="F280" s="97">
        <v>9.7216722841288988E-2</v>
      </c>
      <c r="G280" s="211">
        <v>0.72599999999999998</v>
      </c>
      <c r="H280" s="97">
        <v>0.10436521101649975</v>
      </c>
      <c r="I280" s="211">
        <v>0</v>
      </c>
      <c r="J280" s="97">
        <v>3.7206132509255738E-2</v>
      </c>
      <c r="K280" s="207">
        <v>71</v>
      </c>
      <c r="L280" s="211">
        <v>8.3000000000000004E-2</v>
      </c>
      <c r="M280" s="97">
        <v>7.0866839410262963E-2</v>
      </c>
      <c r="N280" s="211">
        <v>0.13200000000000001</v>
      </c>
      <c r="O280" s="97">
        <v>8.282866512577948E-2</v>
      </c>
      <c r="P280" s="211">
        <v>0.78500000000000003</v>
      </c>
      <c r="Q280" s="276">
        <v>9.7216722841288988E-2</v>
      </c>
      <c r="R280" s="211">
        <v>0</v>
      </c>
      <c r="S280" s="97">
        <v>3.7206132509255738E-2</v>
      </c>
    </row>
    <row r="281" spans="1:19">
      <c r="A281" s="45" t="s">
        <v>450</v>
      </c>
      <c r="B281" s="206">
        <v>311</v>
      </c>
      <c r="C281" s="210">
        <v>5.2999999999999999E-2</v>
      </c>
      <c r="D281" s="94">
        <v>2.6483488751953031E-2</v>
      </c>
      <c r="E281" s="210">
        <v>0.10100000000000001</v>
      </c>
      <c r="F281" s="94">
        <v>3.4698982902414896E-2</v>
      </c>
      <c r="G281" s="210">
        <v>0.82899999999999996</v>
      </c>
      <c r="H281" s="94">
        <v>4.2834569031739114E-2</v>
      </c>
      <c r="I281" s="210">
        <v>1.7000000000000001E-2</v>
      </c>
      <c r="J281" s="94">
        <v>1.6939924559799868E-2</v>
      </c>
      <c r="K281" s="206">
        <v>311</v>
      </c>
      <c r="L281" s="212">
        <v>3.2000000000000001E-2</v>
      </c>
      <c r="M281" s="94">
        <v>2.1529808567390785E-2</v>
      </c>
      <c r="N281" s="210">
        <v>7.2999999999999995E-2</v>
      </c>
      <c r="O281" s="94">
        <v>3.0294255788258808E-2</v>
      </c>
      <c r="P281" s="210">
        <v>0.88100000000000001</v>
      </c>
      <c r="Q281" s="275">
        <v>3.7118809060995107E-2</v>
      </c>
      <c r="R281" s="210">
        <v>1.4999999999999999E-2</v>
      </c>
      <c r="S281" s="94">
        <v>1.6217191856341816E-2</v>
      </c>
    </row>
    <row r="282" spans="1:19">
      <c r="A282" s="49" t="s">
        <v>443</v>
      </c>
      <c r="B282" s="207">
        <v>160</v>
      </c>
      <c r="C282" s="211">
        <v>0.04</v>
      </c>
      <c r="D282" s="97">
        <v>3.4427751768657297E-2</v>
      </c>
      <c r="E282" s="211">
        <v>0.13800000000000001</v>
      </c>
      <c r="F282" s="97">
        <v>5.5275459704063681E-2</v>
      </c>
      <c r="G282" s="211">
        <v>0.78100000000000003</v>
      </c>
      <c r="H282" s="97">
        <v>6.530300547041383E-2</v>
      </c>
      <c r="I282" s="211">
        <v>4.1000000000000002E-2</v>
      </c>
      <c r="J282" s="97">
        <v>3.4736215443110188E-2</v>
      </c>
      <c r="K282" s="207">
        <v>160</v>
      </c>
      <c r="L282" s="211">
        <v>5.1999999999999998E-2</v>
      </c>
      <c r="M282" s="97">
        <v>3.7923878643657018E-2</v>
      </c>
      <c r="N282" s="211">
        <v>9.0999999999999998E-2</v>
      </c>
      <c r="O282" s="97">
        <v>4.7054596206514136E-2</v>
      </c>
      <c r="P282" s="211">
        <v>0.82099999999999995</v>
      </c>
      <c r="Q282" s="276">
        <v>6.0872536320537948E-2</v>
      </c>
      <c r="R282" s="211">
        <v>3.5000000000000003E-2</v>
      </c>
      <c r="S282" s="97">
        <v>3.2831399375547334E-2</v>
      </c>
    </row>
    <row r="283" spans="1:19">
      <c r="A283" s="57" t="s">
        <v>444</v>
      </c>
      <c r="B283" s="206">
        <v>151</v>
      </c>
      <c r="C283" s="210">
        <v>6.3E-2</v>
      </c>
      <c r="D283" s="94">
        <v>4.212432729933225E-2</v>
      </c>
      <c r="E283" s="210">
        <v>7.3999999999999996E-2</v>
      </c>
      <c r="F283" s="94">
        <v>4.4799091327094372E-2</v>
      </c>
      <c r="G283" s="210">
        <v>0.86299999999999999</v>
      </c>
      <c r="H283" s="94">
        <v>5.6783511022397599E-2</v>
      </c>
      <c r="I283" s="210">
        <v>0</v>
      </c>
      <c r="J283" s="94">
        <v>1.8129806198091857E-2</v>
      </c>
      <c r="K283" s="206">
        <v>151</v>
      </c>
      <c r="L283" s="212">
        <v>1.7999999999999999E-2</v>
      </c>
      <c r="M283" s="94">
        <v>2.7597192297858564E-2</v>
      </c>
      <c r="N283" s="210">
        <v>5.8999999999999997E-2</v>
      </c>
      <c r="O283" s="94">
        <v>4.1090681762287307E-2</v>
      </c>
      <c r="P283" s="210">
        <v>0.92300000000000004</v>
      </c>
      <c r="Q283" s="275">
        <v>4.548998706932679E-2</v>
      </c>
      <c r="R283" s="210">
        <v>0</v>
      </c>
      <c r="S283" s="94">
        <v>1.8129806198091857E-2</v>
      </c>
    </row>
    <row r="284" spans="1:19">
      <c r="A284" s="49" t="s">
        <v>451</v>
      </c>
      <c r="B284" s="207">
        <v>91</v>
      </c>
      <c r="C284" s="211">
        <v>4.5999999999999999E-2</v>
      </c>
      <c r="D284" s="97">
        <v>5.0627940459333443E-2</v>
      </c>
      <c r="E284" s="211">
        <v>2.3E-2</v>
      </c>
      <c r="F284" s="97">
        <v>4.1664303201277647E-2</v>
      </c>
      <c r="G284" s="211">
        <v>0.93100000000000005</v>
      </c>
      <c r="H284" s="97">
        <v>5.7875621482929081E-2</v>
      </c>
      <c r="I284" s="211">
        <v>0</v>
      </c>
      <c r="J284" s="97">
        <v>2.9457850911392545E-2</v>
      </c>
      <c r="K284" s="207">
        <v>90</v>
      </c>
      <c r="L284" s="211">
        <v>2.4E-2</v>
      </c>
      <c r="M284" s="97">
        <v>4.2424794976102589E-2</v>
      </c>
      <c r="N284" s="211">
        <v>0.104</v>
      </c>
      <c r="O284" s="97">
        <v>6.7239199623432666E-2</v>
      </c>
      <c r="P284" s="211">
        <v>0.872</v>
      </c>
      <c r="Q284" s="276">
        <v>7.2388661254532902E-2</v>
      </c>
      <c r="R284" s="211">
        <v>0</v>
      </c>
      <c r="S284" s="97">
        <v>2.976782656907849E-2</v>
      </c>
    </row>
    <row r="285" spans="1:19">
      <c r="A285" s="57" t="s">
        <v>452</v>
      </c>
      <c r="B285" s="206">
        <v>320</v>
      </c>
      <c r="C285" s="210">
        <v>7.4999999999999997E-2</v>
      </c>
      <c r="D285" s="94">
        <v>3.0186119457702859E-2</v>
      </c>
      <c r="E285" s="210">
        <v>0.106</v>
      </c>
      <c r="F285" s="94">
        <v>3.4884877199772846E-2</v>
      </c>
      <c r="G285" s="210">
        <v>0.81399999999999995</v>
      </c>
      <c r="H285" s="94">
        <v>4.3578146288393779E-2</v>
      </c>
      <c r="I285" s="210">
        <v>5.0000000000000001E-3</v>
      </c>
      <c r="J285" s="94">
        <v>1.1646890286489634E-2</v>
      </c>
      <c r="K285" s="206">
        <v>321</v>
      </c>
      <c r="L285" s="212">
        <v>8.7999999999999995E-2</v>
      </c>
      <c r="M285" s="94">
        <v>3.2231585301103371E-2</v>
      </c>
      <c r="N285" s="210">
        <v>0.14899999999999999</v>
      </c>
      <c r="O285" s="94">
        <v>3.9971216967289773E-2</v>
      </c>
      <c r="P285" s="210">
        <v>0.76300000000000001</v>
      </c>
      <c r="Q285" s="275">
        <v>4.739661057241646E-2</v>
      </c>
      <c r="R285" s="210">
        <v>0</v>
      </c>
      <c r="S285" s="94">
        <v>8.676033359059851E-3</v>
      </c>
    </row>
    <row r="286" spans="1:19">
      <c r="A286" s="49" t="s">
        <v>445</v>
      </c>
      <c r="B286" s="207">
        <v>104</v>
      </c>
      <c r="C286" s="211">
        <v>4.4999999999999998E-2</v>
      </c>
      <c r="D286" s="97">
        <v>4.6358586353334494E-2</v>
      </c>
      <c r="E286" s="211">
        <v>0.10299999999999999</v>
      </c>
      <c r="F286" s="97">
        <v>6.2018378948004702E-2</v>
      </c>
      <c r="G286" s="211">
        <v>0.85299999999999998</v>
      </c>
      <c r="H286" s="97">
        <v>7.0566586596134143E-2</v>
      </c>
      <c r="I286" s="211">
        <v>0</v>
      </c>
      <c r="J286" s="97">
        <v>2.5945514841396074E-2</v>
      </c>
      <c r="K286" s="207">
        <v>103</v>
      </c>
      <c r="L286" s="211">
        <v>0.03</v>
      </c>
      <c r="M286" s="97">
        <v>4.1154906665756823E-2</v>
      </c>
      <c r="N286" s="211">
        <v>6.8000000000000005E-2</v>
      </c>
      <c r="O286" s="97">
        <v>5.3675518307740214E-2</v>
      </c>
      <c r="P286" s="211">
        <v>0.90300000000000002</v>
      </c>
      <c r="Q286" s="276">
        <v>6.0990810423256568E-2</v>
      </c>
      <c r="R286" s="211">
        <v>0</v>
      </c>
      <c r="S286" s="97">
        <v>2.6185687246820841E-2</v>
      </c>
    </row>
    <row r="287" spans="1:19">
      <c r="A287" s="57" t="s">
        <v>446</v>
      </c>
      <c r="B287" s="206">
        <v>122</v>
      </c>
      <c r="C287" s="210">
        <v>7.0000000000000007E-2</v>
      </c>
      <c r="D287" s="94">
        <v>4.9329902831944432E-2</v>
      </c>
      <c r="E287" s="210">
        <v>0.14899999999999999</v>
      </c>
      <c r="F287" s="94">
        <v>6.5343323446356974E-2</v>
      </c>
      <c r="G287" s="210">
        <v>0.78100000000000003</v>
      </c>
      <c r="H287" s="94">
        <v>7.4742482575334043E-2</v>
      </c>
      <c r="I287" s="210">
        <v>0</v>
      </c>
      <c r="J287" s="94">
        <v>2.226896426705402E-2</v>
      </c>
      <c r="K287" s="206">
        <v>123</v>
      </c>
      <c r="L287" s="212">
        <v>0.128</v>
      </c>
      <c r="M287" s="94">
        <v>6.1528004035714561E-2</v>
      </c>
      <c r="N287" s="210">
        <v>0.13300000000000001</v>
      </c>
      <c r="O287" s="94">
        <v>6.2408795741249905E-2</v>
      </c>
      <c r="P287" s="210">
        <v>0.73899999999999999</v>
      </c>
      <c r="Q287" s="275">
        <v>7.8654133566038301E-2</v>
      </c>
      <c r="R287" s="210">
        <v>0</v>
      </c>
      <c r="S287" s="94">
        <v>2.2095020994736762E-2</v>
      </c>
    </row>
    <row r="288" spans="1:19">
      <c r="A288" s="49" t="s">
        <v>447</v>
      </c>
      <c r="B288" s="207">
        <v>94</v>
      </c>
      <c r="C288" s="211">
        <v>0.112</v>
      </c>
      <c r="D288" s="97">
        <v>6.7459588494629005E-2</v>
      </c>
      <c r="E288" s="211">
        <v>5.6000000000000001E-2</v>
      </c>
      <c r="F288" s="97">
        <v>5.2925944232796139E-2</v>
      </c>
      <c r="G288" s="211">
        <v>0.81499999999999995</v>
      </c>
      <c r="H288" s="97">
        <v>8.0485692448283214E-2</v>
      </c>
      <c r="I288" s="211">
        <v>1.7000000000000001E-2</v>
      </c>
      <c r="J288" s="97">
        <v>3.7993741127295956E-2</v>
      </c>
      <c r="K288" s="207">
        <v>95</v>
      </c>
      <c r="L288" s="211">
        <v>9.6000000000000002E-2</v>
      </c>
      <c r="M288" s="97">
        <v>6.3470894881976644E-2</v>
      </c>
      <c r="N288" s="211">
        <v>0.252</v>
      </c>
      <c r="O288" s="97">
        <v>8.8389774021978049E-2</v>
      </c>
      <c r="P288" s="211">
        <v>0.65200000000000002</v>
      </c>
      <c r="Q288" s="276">
        <v>9.6132331548458599E-2</v>
      </c>
      <c r="R288" s="211">
        <v>0</v>
      </c>
      <c r="S288" s="97">
        <v>2.8279912978147775E-2</v>
      </c>
    </row>
    <row r="289" spans="1:19">
      <c r="A289" s="57" t="s">
        <v>453</v>
      </c>
      <c r="B289" s="206">
        <v>100</v>
      </c>
      <c r="C289" s="210">
        <v>4.4999999999999998E-2</v>
      </c>
      <c r="D289" s="94">
        <v>4.747215783204687E-2</v>
      </c>
      <c r="E289" s="210">
        <v>5.3999999999999999E-2</v>
      </c>
      <c r="F289" s="94">
        <v>5.0417860209743801E-2</v>
      </c>
      <c r="G289" s="210">
        <v>0.90100000000000002</v>
      </c>
      <c r="H289" s="94">
        <v>6.2428554977341434E-2</v>
      </c>
      <c r="I289" s="210">
        <v>0</v>
      </c>
      <c r="J289" s="94">
        <v>2.693364120714959E-2</v>
      </c>
      <c r="K289" s="206">
        <v>100</v>
      </c>
      <c r="L289" s="212">
        <v>4.2999999999999997E-2</v>
      </c>
      <c r="M289" s="94">
        <v>4.6784020721846245E-2</v>
      </c>
      <c r="N289" s="210">
        <v>0.153</v>
      </c>
      <c r="O289" s="94">
        <v>7.3031897916844307E-2</v>
      </c>
      <c r="P289" s="210">
        <v>0.80300000000000005</v>
      </c>
      <c r="Q289" s="275">
        <v>7.9691090767135903E-2</v>
      </c>
      <c r="R289" s="210">
        <v>0</v>
      </c>
      <c r="S289" s="94">
        <v>2.693364120714959E-2</v>
      </c>
    </row>
    <row r="290" spans="1:19">
      <c r="A290" s="49" t="s">
        <v>459</v>
      </c>
      <c r="B290" s="207">
        <v>369</v>
      </c>
      <c r="C290" s="211">
        <v>0.107</v>
      </c>
      <c r="D290" s="97">
        <v>3.2557775788477857E-2</v>
      </c>
      <c r="E290" s="211">
        <v>0.184</v>
      </c>
      <c r="F290" s="97">
        <v>4.0409990016895075E-2</v>
      </c>
      <c r="G290" s="211">
        <v>0.69199999999999995</v>
      </c>
      <c r="H290" s="97">
        <v>4.7896493559899334E-2</v>
      </c>
      <c r="I290" s="211">
        <v>1.7999999999999999E-2</v>
      </c>
      <c r="J290" s="97">
        <v>1.5578944627554974E-2</v>
      </c>
      <c r="K290" s="207">
        <v>369</v>
      </c>
      <c r="L290" s="211">
        <v>8.4000000000000005E-2</v>
      </c>
      <c r="M290" s="97">
        <v>2.9406233985754406E-2</v>
      </c>
      <c r="N290" s="211">
        <v>0.19700000000000001</v>
      </c>
      <c r="O290" s="97">
        <v>4.1441781987043638E-2</v>
      </c>
      <c r="P290" s="211">
        <v>0.70299999999999996</v>
      </c>
      <c r="Q290" s="276">
        <v>4.7418065364124115E-2</v>
      </c>
      <c r="R290" s="211">
        <v>1.6E-2</v>
      </c>
      <c r="S290" s="97">
        <v>1.4913986689664817E-2</v>
      </c>
    </row>
  </sheetData>
  <mergeCells count="39">
    <mergeCell ref="K266:S266"/>
    <mergeCell ref="B266:J266"/>
    <mergeCell ref="A265:S265"/>
    <mergeCell ref="A264:S264"/>
    <mergeCell ref="A235:D235"/>
    <mergeCell ref="A236:D236"/>
    <mergeCell ref="A237:D237"/>
    <mergeCell ref="B92:L92"/>
    <mergeCell ref="A91:L91"/>
    <mergeCell ref="A90:L90"/>
    <mergeCell ref="A62:W62"/>
    <mergeCell ref="AL208:AT208"/>
    <mergeCell ref="A207:AT207"/>
    <mergeCell ref="A206:AT206"/>
    <mergeCell ref="B208:J208"/>
    <mergeCell ref="K208:S208"/>
    <mergeCell ref="T208:AB208"/>
    <mergeCell ref="AC208:AK208"/>
    <mergeCell ref="A178:D178"/>
    <mergeCell ref="K150:S150"/>
    <mergeCell ref="B150:J150"/>
    <mergeCell ref="A179:D179"/>
    <mergeCell ref="A177:D177"/>
    <mergeCell ref="A4:W4"/>
    <mergeCell ref="A3:W3"/>
    <mergeCell ref="A119:D119"/>
    <mergeCell ref="A120:D120"/>
    <mergeCell ref="A149:S149"/>
    <mergeCell ref="A148:S148"/>
    <mergeCell ref="A121:D121"/>
    <mergeCell ref="B5:L5"/>
    <mergeCell ref="M5:W5"/>
    <mergeCell ref="M34:W34"/>
    <mergeCell ref="A33:W33"/>
    <mergeCell ref="A32:W32"/>
    <mergeCell ref="B34:L34"/>
    <mergeCell ref="B63:L63"/>
    <mergeCell ref="M63:W63"/>
    <mergeCell ref="A61:W61"/>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G58"/>
  <sheetViews>
    <sheetView zoomScaleNormal="100" workbookViewId="0">
      <selection activeCell="A33" sqref="A33:AK33"/>
    </sheetView>
  </sheetViews>
  <sheetFormatPr defaultColWidth="21.28515625" defaultRowHeight="15"/>
  <cols>
    <col min="1" max="1" width="44.140625" customWidth="1"/>
  </cols>
  <sheetData>
    <row r="1" spans="1:4" ht="31.5">
      <c r="A1" s="33" t="s">
        <v>54</v>
      </c>
    </row>
    <row r="3" spans="1:4" ht="18.75">
      <c r="A3" s="386" t="s">
        <v>433</v>
      </c>
      <c r="B3" s="386"/>
      <c r="C3" s="386"/>
      <c r="D3" s="386"/>
    </row>
    <row r="4" spans="1:4" ht="105" customHeight="1">
      <c r="A4" s="387" t="s">
        <v>511</v>
      </c>
      <c r="B4" s="387"/>
      <c r="C4" s="387"/>
      <c r="D4" s="387"/>
    </row>
    <row r="5" spans="1:4" ht="36.75" customHeight="1">
      <c r="A5" s="371" t="s">
        <v>170</v>
      </c>
      <c r="B5" s="371"/>
      <c r="C5" s="371"/>
      <c r="D5" s="371"/>
    </row>
    <row r="6" spans="1:4" ht="72">
      <c r="A6" s="37" t="s">
        <v>85</v>
      </c>
      <c r="B6" s="38" t="s">
        <v>86</v>
      </c>
      <c r="C6" s="39" t="s">
        <v>87</v>
      </c>
      <c r="D6" s="40" t="s">
        <v>88</v>
      </c>
    </row>
    <row r="7" spans="1:4" ht="60">
      <c r="A7" s="41"/>
      <c r="B7" s="42" t="s">
        <v>89</v>
      </c>
      <c r="C7" s="128" t="s">
        <v>171</v>
      </c>
      <c r="D7" s="44" t="s">
        <v>91</v>
      </c>
    </row>
    <row r="8" spans="1:4">
      <c r="A8" s="45" t="s">
        <v>434</v>
      </c>
      <c r="B8" s="213">
        <v>10771</v>
      </c>
      <c r="C8" s="84">
        <v>4.5999999999999996</v>
      </c>
      <c r="D8" s="85">
        <v>1.9599999999999999E-2</v>
      </c>
    </row>
    <row r="9" spans="1:4">
      <c r="A9" s="49" t="s">
        <v>435</v>
      </c>
      <c r="B9" s="49">
        <v>8708</v>
      </c>
      <c r="C9" s="215">
        <v>4.6100000000000003</v>
      </c>
      <c r="D9" s="216">
        <v>1.9599999999999999E-2</v>
      </c>
    </row>
    <row r="10" spans="1:4">
      <c r="A10" s="45" t="s">
        <v>436</v>
      </c>
      <c r="B10" s="53">
        <v>1898</v>
      </c>
      <c r="C10" s="84">
        <v>4.6900000000000004</v>
      </c>
      <c r="D10" s="85">
        <v>5.8799999999999998E-2</v>
      </c>
    </row>
    <row r="11" spans="1:4">
      <c r="A11" s="49" t="s">
        <v>437</v>
      </c>
      <c r="B11" s="49">
        <v>3007</v>
      </c>
      <c r="C11" s="215">
        <v>4.58</v>
      </c>
      <c r="D11" s="216">
        <v>3.9199999999999999E-2</v>
      </c>
    </row>
    <row r="12" spans="1:4">
      <c r="A12" s="45" t="s">
        <v>438</v>
      </c>
      <c r="B12" s="53">
        <v>2432</v>
      </c>
      <c r="C12" s="84">
        <v>4.5999999999999996</v>
      </c>
      <c r="D12" s="85">
        <v>3.9199999999999999E-2</v>
      </c>
    </row>
    <row r="13" spans="1:4">
      <c r="A13" s="49" t="s">
        <v>449</v>
      </c>
      <c r="B13" s="49">
        <v>282</v>
      </c>
      <c r="C13" s="215">
        <v>4.71</v>
      </c>
      <c r="D13" s="216">
        <v>0.13720000000000002</v>
      </c>
    </row>
    <row r="14" spans="1:4">
      <c r="A14" s="45" t="s">
        <v>439</v>
      </c>
      <c r="B14" s="53">
        <v>140</v>
      </c>
      <c r="C14" s="84">
        <v>4.8899999999999997</v>
      </c>
      <c r="D14" s="85">
        <v>0.1764</v>
      </c>
    </row>
    <row r="15" spans="1:4">
      <c r="A15" s="49" t="s">
        <v>440</v>
      </c>
      <c r="B15" s="49">
        <v>91</v>
      </c>
      <c r="C15" s="215">
        <v>4.38</v>
      </c>
      <c r="D15" s="216">
        <v>0.23519999999999999</v>
      </c>
    </row>
    <row r="16" spans="1:4">
      <c r="A16" s="45" t="s">
        <v>475</v>
      </c>
      <c r="B16" s="53">
        <v>258</v>
      </c>
      <c r="C16" s="84">
        <v>4.0999999999999996</v>
      </c>
      <c r="D16" s="85">
        <v>0.15679999999999999</v>
      </c>
    </row>
    <row r="17" spans="1:79">
      <c r="A17" s="49" t="s">
        <v>441</v>
      </c>
      <c r="B17" s="49">
        <v>82</v>
      </c>
      <c r="C17" s="215">
        <v>3.47</v>
      </c>
      <c r="D17" s="216">
        <v>0.31359999999999999</v>
      </c>
    </row>
    <row r="18" spans="1:79" ht="25.5">
      <c r="A18" s="45" t="s">
        <v>442</v>
      </c>
      <c r="B18" s="213">
        <v>104</v>
      </c>
      <c r="C18" s="84">
        <v>4.5199999999999996</v>
      </c>
      <c r="D18" s="85">
        <v>0.21559999999999999</v>
      </c>
    </row>
    <row r="19" spans="1:79">
      <c r="A19" s="49" t="s">
        <v>462</v>
      </c>
      <c r="B19" s="214">
        <v>68</v>
      </c>
      <c r="C19" s="215">
        <v>4.3</v>
      </c>
      <c r="D19" s="216">
        <v>0.25480000000000003</v>
      </c>
    </row>
    <row r="20" spans="1:79">
      <c r="A20" s="45" t="s">
        <v>450</v>
      </c>
      <c r="B20" s="83">
        <v>304</v>
      </c>
      <c r="C20" s="84">
        <v>4.66</v>
      </c>
      <c r="D20" s="85">
        <v>0.13720000000000002</v>
      </c>
    </row>
    <row r="21" spans="1:79">
      <c r="A21" s="49" t="s">
        <v>443</v>
      </c>
      <c r="B21" s="214">
        <v>157</v>
      </c>
      <c r="C21" s="215">
        <v>4.54</v>
      </c>
      <c r="D21" s="216">
        <v>0.19600000000000001</v>
      </c>
    </row>
    <row r="22" spans="1:79">
      <c r="A22" s="57" t="s">
        <v>444</v>
      </c>
      <c r="B22" s="213">
        <v>147</v>
      </c>
      <c r="C22" s="84">
        <v>4.74</v>
      </c>
      <c r="D22" s="85">
        <v>0.19600000000000001</v>
      </c>
    </row>
    <row r="23" spans="1:79">
      <c r="A23" s="49" t="s">
        <v>451</v>
      </c>
      <c r="B23" s="214">
        <v>92</v>
      </c>
      <c r="C23" s="215">
        <v>4.78</v>
      </c>
      <c r="D23" s="216">
        <v>0.21559999999999999</v>
      </c>
    </row>
    <row r="24" spans="1:79">
      <c r="A24" s="57" t="s">
        <v>452</v>
      </c>
      <c r="B24" s="213">
        <v>317</v>
      </c>
      <c r="C24" s="84">
        <v>4.45</v>
      </c>
      <c r="D24" s="85">
        <v>0.13720000000000002</v>
      </c>
    </row>
    <row r="25" spans="1:79">
      <c r="A25" s="49" t="s">
        <v>445</v>
      </c>
      <c r="B25" s="214">
        <v>103</v>
      </c>
      <c r="C25" s="215">
        <v>4.51</v>
      </c>
      <c r="D25" s="216">
        <v>0.23519999999999999</v>
      </c>
    </row>
    <row r="26" spans="1:79">
      <c r="A26" s="57" t="s">
        <v>446</v>
      </c>
      <c r="B26" s="213">
        <v>122</v>
      </c>
      <c r="C26" s="84">
        <v>4.41</v>
      </c>
      <c r="D26" s="85">
        <v>0.21559999999999999</v>
      </c>
    </row>
    <row r="27" spans="1:79">
      <c r="A27" s="49" t="s">
        <v>447</v>
      </c>
      <c r="B27" s="214">
        <v>92</v>
      </c>
      <c r="C27" s="215">
        <v>4.4400000000000004</v>
      </c>
      <c r="D27" s="216">
        <v>0.25480000000000003</v>
      </c>
    </row>
    <row r="28" spans="1:79">
      <c r="A28" s="57" t="s">
        <v>453</v>
      </c>
      <c r="B28" s="213">
        <v>98</v>
      </c>
      <c r="C28" s="84">
        <v>4.3499999999999996</v>
      </c>
      <c r="D28" s="85">
        <v>0.25480000000000003</v>
      </c>
    </row>
    <row r="29" spans="1:79">
      <c r="A29" s="49" t="s">
        <v>459</v>
      </c>
      <c r="B29" s="214">
        <v>361</v>
      </c>
      <c r="C29" s="215">
        <v>4.62</v>
      </c>
      <c r="D29" s="216">
        <v>0.13720000000000002</v>
      </c>
    </row>
    <row r="31" spans="1:79">
      <c r="W31" s="257"/>
      <c r="X31" s="257"/>
      <c r="Y31" s="257"/>
      <c r="Z31" s="257"/>
      <c r="AA31" s="257"/>
      <c r="AB31" s="257"/>
      <c r="AC31" s="257"/>
      <c r="AD31" s="257"/>
      <c r="AE31" s="257"/>
      <c r="AF31" s="257"/>
      <c r="AG31" s="257"/>
      <c r="AH31" s="257"/>
      <c r="AI31" s="257"/>
      <c r="AJ31" s="257"/>
      <c r="AK31" s="257"/>
      <c r="AL31" s="257"/>
      <c r="AM31" s="257"/>
      <c r="AN31" s="257"/>
      <c r="AO31" s="257"/>
      <c r="AP31" s="257"/>
      <c r="AQ31" s="257"/>
      <c r="AR31" s="257"/>
      <c r="AS31" s="257"/>
      <c r="AT31" s="257"/>
      <c r="AU31" s="257"/>
      <c r="AV31" s="257"/>
      <c r="AW31" s="257"/>
      <c r="AX31" s="257"/>
      <c r="AY31" s="257"/>
      <c r="AZ31" s="257"/>
      <c r="BA31" s="257"/>
      <c r="BB31" s="257"/>
      <c r="BC31" s="257"/>
      <c r="BD31" s="257"/>
      <c r="BE31" s="257"/>
      <c r="BF31" s="257"/>
      <c r="BG31" s="257"/>
      <c r="BH31" s="257"/>
      <c r="BI31" s="257"/>
      <c r="BJ31" s="257"/>
      <c r="BK31" s="257"/>
      <c r="BL31" s="257"/>
      <c r="BM31" s="257"/>
      <c r="BN31" s="257"/>
      <c r="BO31" s="257"/>
      <c r="BP31" s="257"/>
      <c r="BQ31" s="257"/>
      <c r="BR31" s="257"/>
      <c r="BS31" s="257"/>
      <c r="BT31" s="257"/>
      <c r="BU31" s="257"/>
      <c r="BV31" s="257"/>
      <c r="BW31" s="257"/>
      <c r="BX31" s="257"/>
      <c r="BY31" s="257"/>
      <c r="BZ31" s="257"/>
      <c r="CA31" s="257"/>
    </row>
    <row r="32" spans="1:79" ht="18.75">
      <c r="A32" s="321" t="s">
        <v>55</v>
      </c>
      <c r="B32" s="321"/>
      <c r="C32" s="321"/>
      <c r="D32" s="321"/>
      <c r="E32" s="321"/>
      <c r="F32" s="321"/>
      <c r="G32" s="321"/>
      <c r="H32" s="321"/>
      <c r="I32" s="321"/>
      <c r="J32" s="321"/>
      <c r="K32" s="321"/>
      <c r="L32" s="321"/>
      <c r="M32" s="321"/>
      <c r="N32" s="321"/>
      <c r="O32" s="321"/>
      <c r="P32" s="321"/>
      <c r="Q32" s="321"/>
      <c r="R32" s="321"/>
      <c r="S32" s="321"/>
      <c r="T32" s="321"/>
      <c r="U32" s="321"/>
      <c r="V32" s="321"/>
      <c r="W32" s="321"/>
      <c r="X32" s="321"/>
      <c r="Y32" s="321"/>
      <c r="Z32" s="321"/>
      <c r="AA32" s="321"/>
      <c r="AB32" s="321"/>
      <c r="AC32" s="321"/>
      <c r="AD32" s="321"/>
      <c r="AE32" s="321"/>
      <c r="AF32" s="321"/>
      <c r="AG32" s="321"/>
      <c r="AH32" s="321"/>
      <c r="AI32" s="321"/>
      <c r="AJ32" s="321"/>
      <c r="AK32" s="321"/>
      <c r="AL32" s="227"/>
      <c r="AM32" s="227"/>
      <c r="AN32" s="227"/>
      <c r="AO32" s="227"/>
      <c r="AP32" s="227"/>
      <c r="AQ32" s="227"/>
      <c r="AR32" s="227"/>
      <c r="AS32" s="227"/>
      <c r="AT32" s="227"/>
      <c r="AU32" s="227"/>
      <c r="AV32" s="227"/>
      <c r="AW32" s="227"/>
      <c r="AX32" s="227"/>
      <c r="AY32" s="227"/>
      <c r="AZ32" s="227"/>
      <c r="BA32" s="227"/>
      <c r="BB32" s="227"/>
      <c r="BC32" s="227"/>
      <c r="BD32" s="227"/>
      <c r="BE32" s="227"/>
      <c r="BF32" s="227"/>
      <c r="BG32" s="227"/>
      <c r="BH32" s="227"/>
      <c r="BI32" s="227"/>
      <c r="BJ32" s="227"/>
      <c r="BK32" s="227"/>
      <c r="BL32" s="227"/>
      <c r="BM32" s="227"/>
      <c r="BN32" s="227"/>
      <c r="BO32" s="227"/>
      <c r="BP32" s="227"/>
      <c r="BQ32" s="227"/>
      <c r="BR32" s="227"/>
      <c r="BS32" s="227"/>
      <c r="BT32" s="227"/>
      <c r="BU32" s="227"/>
      <c r="BV32" s="227"/>
      <c r="BW32" s="227"/>
      <c r="BX32" s="227"/>
      <c r="BY32" s="227"/>
      <c r="BZ32" s="227"/>
      <c r="CA32" s="257"/>
    </row>
    <row r="33" spans="1:85" ht="54.75" customHeight="1">
      <c r="A33" s="389" t="s">
        <v>512</v>
      </c>
      <c r="B33" s="389"/>
      <c r="C33" s="389"/>
      <c r="D33" s="389"/>
      <c r="E33" s="389"/>
      <c r="F33" s="389"/>
      <c r="G33" s="389"/>
      <c r="H33" s="389"/>
      <c r="I33" s="389"/>
      <c r="J33" s="389"/>
      <c r="K33" s="389"/>
      <c r="L33" s="389"/>
      <c r="M33" s="389"/>
      <c r="N33" s="389"/>
      <c r="O33" s="389"/>
      <c r="P33" s="389"/>
      <c r="Q33" s="389"/>
      <c r="R33" s="389"/>
      <c r="S33" s="389"/>
      <c r="T33" s="389"/>
      <c r="U33" s="389"/>
      <c r="V33" s="389"/>
      <c r="W33" s="389"/>
      <c r="X33" s="389"/>
      <c r="Y33" s="389"/>
      <c r="Z33" s="389"/>
      <c r="AA33" s="389"/>
      <c r="AB33" s="389"/>
      <c r="AC33" s="389"/>
      <c r="AD33" s="389"/>
      <c r="AE33" s="389"/>
      <c r="AF33" s="389"/>
      <c r="AG33" s="389"/>
      <c r="AH33" s="389"/>
      <c r="AI33" s="389"/>
      <c r="AJ33" s="389"/>
      <c r="AK33" s="389"/>
      <c r="AL33" s="258"/>
      <c r="AM33" s="258"/>
      <c r="AN33" s="258"/>
      <c r="AO33" s="258"/>
      <c r="AP33" s="258"/>
      <c r="AQ33" s="258"/>
      <c r="AR33" s="258"/>
      <c r="AS33" s="258"/>
      <c r="AT33" s="258"/>
      <c r="AU33" s="258"/>
      <c r="AV33" s="258"/>
      <c r="AW33" s="258"/>
      <c r="AX33" s="258"/>
      <c r="AY33" s="258"/>
      <c r="AZ33" s="258"/>
      <c r="BA33" s="258"/>
      <c r="BB33" s="258"/>
      <c r="BC33" s="258"/>
      <c r="BD33" s="258"/>
      <c r="BE33" s="258"/>
      <c r="BF33" s="258"/>
      <c r="BG33" s="258"/>
      <c r="BH33" s="258"/>
      <c r="BI33" s="258"/>
      <c r="BJ33" s="258"/>
      <c r="BK33" s="258"/>
      <c r="BL33" s="258"/>
      <c r="BM33" s="258"/>
      <c r="BN33" s="258"/>
      <c r="BO33" s="258"/>
      <c r="BP33" s="258"/>
      <c r="BQ33" s="258"/>
      <c r="BR33" s="258"/>
      <c r="BS33" s="258"/>
      <c r="BT33" s="258"/>
      <c r="BU33" s="258"/>
      <c r="BV33" s="258"/>
      <c r="BW33" s="258"/>
      <c r="BX33" s="258"/>
      <c r="BY33" s="258"/>
      <c r="BZ33" s="258"/>
      <c r="CA33" s="257"/>
    </row>
    <row r="34" spans="1:85" ht="33.75" customHeight="1">
      <c r="A34" s="64"/>
      <c r="B34" s="364" t="s">
        <v>283</v>
      </c>
      <c r="C34" s="365"/>
      <c r="D34" s="365"/>
      <c r="E34" s="365"/>
      <c r="F34" s="365"/>
      <c r="G34" s="365"/>
      <c r="H34" s="365"/>
      <c r="I34" s="365"/>
      <c r="J34" s="366"/>
      <c r="K34" s="364" t="s">
        <v>284</v>
      </c>
      <c r="L34" s="365"/>
      <c r="M34" s="365"/>
      <c r="N34" s="365"/>
      <c r="O34" s="365"/>
      <c r="P34" s="365"/>
      <c r="Q34" s="365"/>
      <c r="R34" s="365"/>
      <c r="S34" s="366"/>
      <c r="T34" s="364" t="s">
        <v>373</v>
      </c>
      <c r="U34" s="365"/>
      <c r="V34" s="365"/>
      <c r="W34" s="365"/>
      <c r="X34" s="365"/>
      <c r="Y34" s="365"/>
      <c r="Z34" s="365"/>
      <c r="AA34" s="365"/>
      <c r="AB34" s="366"/>
      <c r="AC34" s="364" t="s">
        <v>425</v>
      </c>
      <c r="AD34" s="365"/>
      <c r="AE34" s="365"/>
      <c r="AF34" s="365"/>
      <c r="AG34" s="365"/>
      <c r="AH34" s="365"/>
      <c r="AI34" s="365"/>
      <c r="AJ34" s="365"/>
      <c r="AK34" s="366"/>
      <c r="AL34" s="257"/>
      <c r="AM34" s="257"/>
      <c r="AN34" s="257"/>
      <c r="AO34" s="257"/>
      <c r="AP34" s="257"/>
      <c r="AQ34" s="257"/>
      <c r="AR34" s="257"/>
      <c r="AS34" s="257"/>
      <c r="AT34" s="257"/>
      <c r="AU34" s="257"/>
      <c r="AV34" s="257"/>
      <c r="AW34" s="257"/>
      <c r="AX34" s="257"/>
      <c r="AY34" s="257"/>
      <c r="AZ34" s="257"/>
      <c r="BA34" s="257"/>
      <c r="BB34" s="257"/>
      <c r="BC34" s="257"/>
      <c r="BD34" s="257"/>
      <c r="BE34" s="257"/>
      <c r="BF34" s="257"/>
      <c r="BG34" s="257"/>
      <c r="BH34" s="257"/>
      <c r="BI34" s="257"/>
      <c r="BJ34" s="257"/>
      <c r="BK34" s="257"/>
      <c r="BL34" s="257"/>
      <c r="BM34" s="257"/>
      <c r="BN34" s="257"/>
      <c r="BO34" s="257"/>
      <c r="BP34" s="257"/>
      <c r="BQ34" s="257"/>
      <c r="BR34" s="257"/>
      <c r="BS34" s="257"/>
      <c r="BT34" s="257"/>
      <c r="BU34" s="257"/>
      <c r="BV34" s="257"/>
      <c r="BW34" s="257"/>
      <c r="BX34" s="257"/>
      <c r="BY34" s="257"/>
      <c r="BZ34" s="257"/>
      <c r="CA34" s="257"/>
      <c r="CB34" s="257"/>
      <c r="CC34" s="257"/>
      <c r="CD34" s="257"/>
      <c r="CE34" s="257"/>
      <c r="CF34" s="257"/>
      <c r="CG34" s="257"/>
    </row>
    <row r="35" spans="1:85" ht="72">
      <c r="A35" s="37" t="s">
        <v>85</v>
      </c>
      <c r="B35" s="38" t="s">
        <v>86</v>
      </c>
      <c r="C35" s="38" t="s">
        <v>257</v>
      </c>
      <c r="D35" s="89" t="s">
        <v>350</v>
      </c>
      <c r="E35" s="38" t="s">
        <v>351</v>
      </c>
      <c r="F35" s="89" t="s">
        <v>318</v>
      </c>
      <c r="G35" s="38" t="s">
        <v>352</v>
      </c>
      <c r="H35" s="89" t="s">
        <v>319</v>
      </c>
      <c r="I35" s="38" t="s">
        <v>356</v>
      </c>
      <c r="J35" s="89" t="s">
        <v>370</v>
      </c>
      <c r="K35" s="65" t="s">
        <v>86</v>
      </c>
      <c r="L35" s="65" t="s">
        <v>257</v>
      </c>
      <c r="M35" s="88" t="s">
        <v>350</v>
      </c>
      <c r="N35" s="65" t="s">
        <v>351</v>
      </c>
      <c r="O35" s="88" t="s">
        <v>318</v>
      </c>
      <c r="P35" s="65" t="s">
        <v>352</v>
      </c>
      <c r="Q35" s="88" t="s">
        <v>319</v>
      </c>
      <c r="R35" s="65" t="s">
        <v>356</v>
      </c>
      <c r="S35" s="88" t="s">
        <v>370</v>
      </c>
      <c r="T35" s="38" t="s">
        <v>86</v>
      </c>
      <c r="U35" s="38" t="s">
        <v>353</v>
      </c>
      <c r="V35" s="89" t="s">
        <v>321</v>
      </c>
      <c r="W35" s="38" t="s">
        <v>376</v>
      </c>
      <c r="X35" s="89" t="s">
        <v>392</v>
      </c>
      <c r="Y35" s="38" t="s">
        <v>375</v>
      </c>
      <c r="Z35" s="89" t="s">
        <v>374</v>
      </c>
      <c r="AA35" s="38" t="s">
        <v>356</v>
      </c>
      <c r="AB35" s="89" t="s">
        <v>370</v>
      </c>
      <c r="AC35" s="38" t="s">
        <v>86</v>
      </c>
      <c r="AD35" s="38" t="s">
        <v>426</v>
      </c>
      <c r="AE35" s="89" t="s">
        <v>427</v>
      </c>
      <c r="AF35" s="38" t="s">
        <v>422</v>
      </c>
      <c r="AG35" s="89" t="s">
        <v>424</v>
      </c>
      <c r="AH35" s="38" t="s">
        <v>428</v>
      </c>
      <c r="AI35" s="89" t="s">
        <v>429</v>
      </c>
      <c r="AJ35" s="38" t="s">
        <v>356</v>
      </c>
      <c r="AK35" s="89" t="s">
        <v>370</v>
      </c>
      <c r="AL35" s="257"/>
      <c r="AM35" s="257"/>
      <c r="AN35" s="257"/>
      <c r="AO35" s="257"/>
      <c r="AP35" s="257"/>
      <c r="AQ35" s="257"/>
      <c r="AR35" s="257"/>
      <c r="AS35" s="257"/>
      <c r="AT35" s="257"/>
      <c r="AU35" s="257"/>
      <c r="AV35" s="257"/>
      <c r="AW35" s="257"/>
      <c r="AX35" s="257"/>
      <c r="AY35" s="257"/>
      <c r="AZ35" s="257"/>
      <c r="BA35" s="257"/>
      <c r="BB35" s="257"/>
      <c r="BC35" s="257"/>
      <c r="BD35" s="257"/>
      <c r="BE35" s="257"/>
      <c r="BF35" s="257"/>
      <c r="BG35" s="257"/>
      <c r="BH35" s="257"/>
      <c r="BI35" s="257"/>
      <c r="BJ35" s="257"/>
      <c r="BK35" s="257"/>
      <c r="BL35" s="257"/>
      <c r="BM35" s="257"/>
      <c r="BN35" s="257"/>
      <c r="BO35" s="257"/>
      <c r="BP35" s="257"/>
      <c r="BQ35" s="257"/>
      <c r="BR35" s="257"/>
      <c r="BS35" s="257"/>
      <c r="BT35" s="257"/>
      <c r="BU35" s="257"/>
      <c r="BV35" s="257"/>
      <c r="BW35" s="257"/>
      <c r="BX35" s="257"/>
      <c r="BY35" s="257"/>
      <c r="BZ35" s="257"/>
      <c r="CA35" s="257"/>
      <c r="CB35" s="257"/>
      <c r="CC35" s="257"/>
      <c r="CD35" s="257"/>
      <c r="CE35" s="257"/>
      <c r="CF35" s="257"/>
      <c r="CG35" s="257"/>
    </row>
    <row r="36" spans="1:85" ht="60">
      <c r="A36" s="41"/>
      <c r="B36" s="42" t="s">
        <v>89</v>
      </c>
      <c r="C36" s="42" t="s">
        <v>181</v>
      </c>
      <c r="D36" s="91" t="s">
        <v>104</v>
      </c>
      <c r="E36" s="42" t="s">
        <v>182</v>
      </c>
      <c r="F36" s="91" t="s">
        <v>104</v>
      </c>
      <c r="G36" s="42" t="s">
        <v>183</v>
      </c>
      <c r="H36" s="91" t="s">
        <v>104</v>
      </c>
      <c r="I36" s="42" t="s">
        <v>356</v>
      </c>
      <c r="J36" s="91" t="s">
        <v>104</v>
      </c>
      <c r="K36" s="68" t="s">
        <v>89</v>
      </c>
      <c r="L36" s="68" t="s">
        <v>181</v>
      </c>
      <c r="M36" s="90" t="s">
        <v>104</v>
      </c>
      <c r="N36" s="68" t="s">
        <v>182</v>
      </c>
      <c r="O36" s="90" t="s">
        <v>104</v>
      </c>
      <c r="P36" s="68" t="s">
        <v>183</v>
      </c>
      <c r="Q36" s="90" t="s">
        <v>104</v>
      </c>
      <c r="R36" s="68" t="s">
        <v>356</v>
      </c>
      <c r="S36" s="90" t="s">
        <v>104</v>
      </c>
      <c r="T36" s="42" t="s">
        <v>89</v>
      </c>
      <c r="U36" s="42" t="s">
        <v>183</v>
      </c>
      <c r="V36" s="91" t="s">
        <v>104</v>
      </c>
      <c r="W36" s="42" t="s">
        <v>182</v>
      </c>
      <c r="X36" s="91" t="s">
        <v>104</v>
      </c>
      <c r="Y36" s="42" t="s">
        <v>181</v>
      </c>
      <c r="Z36" s="91" t="s">
        <v>104</v>
      </c>
      <c r="AA36" s="42" t="s">
        <v>356</v>
      </c>
      <c r="AB36" s="91" t="s">
        <v>104</v>
      </c>
      <c r="AC36" s="42" t="s">
        <v>89</v>
      </c>
      <c r="AD36" s="42" t="s">
        <v>421</v>
      </c>
      <c r="AE36" s="91" t="s">
        <v>104</v>
      </c>
      <c r="AF36" s="42" t="s">
        <v>423</v>
      </c>
      <c r="AG36" s="91" t="s">
        <v>104</v>
      </c>
      <c r="AH36" s="42" t="s">
        <v>181</v>
      </c>
      <c r="AI36" s="91" t="s">
        <v>104</v>
      </c>
      <c r="AJ36" s="42" t="s">
        <v>356</v>
      </c>
      <c r="AK36" s="91" t="s">
        <v>104</v>
      </c>
    </row>
    <row r="37" spans="1:85">
      <c r="A37" s="45" t="s">
        <v>434</v>
      </c>
      <c r="B37" s="213">
        <v>10987</v>
      </c>
      <c r="C37" s="217">
        <v>0.14499999999999999</v>
      </c>
      <c r="D37" s="94">
        <v>6.7195320495849918E-3</v>
      </c>
      <c r="E37" s="217">
        <v>0.17499999999999999</v>
      </c>
      <c r="F37" s="94">
        <v>7.2505837198073879E-3</v>
      </c>
      <c r="G37" s="217">
        <v>0.58299999999999996</v>
      </c>
      <c r="H37" s="94">
        <v>9.4062858935187836E-3</v>
      </c>
      <c r="I37" s="217">
        <v>9.7000000000000003E-2</v>
      </c>
      <c r="J37" s="94">
        <v>5.6498113137452479E-3</v>
      </c>
      <c r="K37" s="213">
        <v>10973</v>
      </c>
      <c r="L37" s="217">
        <v>9.4E-2</v>
      </c>
      <c r="M37" s="94">
        <v>5.574709286512893E-3</v>
      </c>
      <c r="N37" s="217">
        <v>0.17399999999999999</v>
      </c>
      <c r="O37" s="94">
        <v>7.2388533801420046E-3</v>
      </c>
      <c r="P37" s="217">
        <v>0.68300000000000005</v>
      </c>
      <c r="Q37" s="94">
        <v>8.8828559436392226E-3</v>
      </c>
      <c r="R37" s="217">
        <v>4.8000000000000001E-2</v>
      </c>
      <c r="S37" s="94">
        <v>4.0872719165296447E-3</v>
      </c>
      <c r="T37" s="213">
        <v>10981</v>
      </c>
      <c r="U37" s="217">
        <v>0.315</v>
      </c>
      <c r="V37" s="94">
        <v>8.8645277740618655E-3</v>
      </c>
      <c r="W37" s="217">
        <v>0.25700000000000001</v>
      </c>
      <c r="X37" s="94">
        <v>8.3394963339389408E-3</v>
      </c>
      <c r="Y37" s="217">
        <v>0.33099999999999996</v>
      </c>
      <c r="Z37" s="94">
        <v>8.9800222557315443E-3</v>
      </c>
      <c r="AA37" s="217">
        <v>9.6000000000000002E-2</v>
      </c>
      <c r="AB37" s="94">
        <v>5.6253164334750284E-3</v>
      </c>
      <c r="AC37" s="213">
        <v>10981</v>
      </c>
      <c r="AD37" s="217">
        <v>0.13900000000000001</v>
      </c>
      <c r="AE37" s="94">
        <v>6.6040605169667152E-3</v>
      </c>
      <c r="AF37" s="217">
        <v>0.433</v>
      </c>
      <c r="AG37" s="94">
        <v>9.4551480529282261E-3</v>
      </c>
      <c r="AH37" s="217">
        <v>0.33099999999999996</v>
      </c>
      <c r="AI37" s="94">
        <v>8.9800222557315443E-3</v>
      </c>
      <c r="AJ37" s="217">
        <v>9.6000000000000002E-2</v>
      </c>
      <c r="AK37" s="94">
        <v>5.6253164334750284E-3</v>
      </c>
    </row>
    <row r="38" spans="1:85">
      <c r="A38" s="49" t="s">
        <v>435</v>
      </c>
      <c r="B38" s="214">
        <v>8842</v>
      </c>
      <c r="C38" s="218">
        <v>0.158</v>
      </c>
      <c r="D38" s="97">
        <v>7.7591413800206155E-3</v>
      </c>
      <c r="E38" s="218">
        <v>0.16500000000000001</v>
      </c>
      <c r="F38" s="97">
        <v>7.8958993714297859E-3</v>
      </c>
      <c r="G38" s="218">
        <v>0.60299999999999998</v>
      </c>
      <c r="H38" s="97">
        <v>1.0404450260556355E-2</v>
      </c>
      <c r="I38" s="218">
        <v>7.4999999999999997E-2</v>
      </c>
      <c r="J38" s="97">
        <v>5.6074912643168575E-3</v>
      </c>
      <c r="K38" s="214">
        <v>8827</v>
      </c>
      <c r="L38" s="218">
        <v>0.10199999999999999</v>
      </c>
      <c r="M38" s="97">
        <v>6.4461908050648499E-3</v>
      </c>
      <c r="N38" s="218">
        <v>0.17100000000000001</v>
      </c>
      <c r="O38" s="97">
        <v>8.0158667611005298E-3</v>
      </c>
      <c r="P38" s="218">
        <v>0.68400000000000005</v>
      </c>
      <c r="Q38" s="97">
        <v>9.8952654435714073E-3</v>
      </c>
      <c r="R38" s="218">
        <v>4.2000000000000003E-2</v>
      </c>
      <c r="S38" s="97">
        <v>4.2791286444487106E-3</v>
      </c>
      <c r="T38" s="214">
        <v>8833</v>
      </c>
      <c r="U38" s="218">
        <v>0.29600000000000004</v>
      </c>
      <c r="V38" s="97">
        <v>9.7129018349856946E-3</v>
      </c>
      <c r="W38" s="218">
        <v>0.26300000000000001</v>
      </c>
      <c r="X38" s="97">
        <v>9.3679838122847064E-3</v>
      </c>
      <c r="Y38" s="218">
        <v>0.36299999999999999</v>
      </c>
      <c r="Z38" s="97">
        <v>1.0230963824209079E-2</v>
      </c>
      <c r="AA38" s="218">
        <v>7.6999999999999999E-2</v>
      </c>
      <c r="AB38" s="97">
        <v>5.6782958731589834E-3</v>
      </c>
      <c r="AC38" s="214">
        <v>8833</v>
      </c>
      <c r="AD38" s="218">
        <v>0.13900000000000001</v>
      </c>
      <c r="AE38" s="97">
        <v>7.3637739859551731E-3</v>
      </c>
      <c r="AF38" s="218">
        <v>0.42000000000000004</v>
      </c>
      <c r="AG38" s="97">
        <v>1.0500775498720836E-2</v>
      </c>
      <c r="AH38" s="218">
        <v>0.36299999999999999</v>
      </c>
      <c r="AI38" s="97">
        <v>1.0230963824209079E-2</v>
      </c>
      <c r="AJ38" s="218">
        <v>7.6999999999999999E-2</v>
      </c>
      <c r="AK38" s="97">
        <v>5.6782958731589834E-3</v>
      </c>
    </row>
    <row r="39" spans="1:85">
      <c r="A39" s="45" t="s">
        <v>436</v>
      </c>
      <c r="B39" s="213">
        <v>1984</v>
      </c>
      <c r="C39" s="217">
        <v>0.10879999999999999</v>
      </c>
      <c r="D39" s="94">
        <v>1.401190821998686E-2</v>
      </c>
      <c r="E39" s="217">
        <v>0.19539999999999999</v>
      </c>
      <c r="F39" s="94">
        <v>1.7806913698721335E-2</v>
      </c>
      <c r="G39" s="217">
        <v>0.57989999999999997</v>
      </c>
      <c r="H39" s="94">
        <v>2.2141017515266453E-2</v>
      </c>
      <c r="I39" s="217">
        <v>0.11600000000000001</v>
      </c>
      <c r="J39" s="94">
        <v>1.4405508904591561E-2</v>
      </c>
      <c r="K39" s="213">
        <v>1981</v>
      </c>
      <c r="L39" s="217">
        <v>7.3099999999999998E-2</v>
      </c>
      <c r="M39" s="94">
        <v>1.1747994782939288E-2</v>
      </c>
      <c r="N39" s="217">
        <v>0.16159999999999999</v>
      </c>
      <c r="O39" s="94">
        <v>1.6551362367851055E-2</v>
      </c>
      <c r="P39" s="217">
        <v>0.70489999999999997</v>
      </c>
      <c r="Q39" s="94">
        <v>2.048210004751546E-2</v>
      </c>
      <c r="R39" s="217">
        <v>6.0499999999999998E-2</v>
      </c>
      <c r="S39" s="94">
        <v>1.0775234711713703E-2</v>
      </c>
      <c r="T39" s="213">
        <v>1984</v>
      </c>
      <c r="U39" s="217">
        <v>0.31230000000000002</v>
      </c>
      <c r="V39" s="94">
        <v>2.0794594909042025E-2</v>
      </c>
      <c r="W39" s="217">
        <v>0.24210000000000001</v>
      </c>
      <c r="X39" s="94">
        <v>1.9228320845557947E-2</v>
      </c>
      <c r="Y39" s="217">
        <v>0.32650000000000001</v>
      </c>
      <c r="Z39" s="94">
        <v>2.1040287308778854E-2</v>
      </c>
      <c r="AA39" s="217">
        <v>0.1191</v>
      </c>
      <c r="AB39" s="94">
        <v>1.4569506269332963E-2</v>
      </c>
      <c r="AC39" s="213">
        <v>1984</v>
      </c>
      <c r="AD39" s="217">
        <v>0.1326</v>
      </c>
      <c r="AE39" s="94">
        <v>1.5248437840105598E-2</v>
      </c>
      <c r="AF39" s="217">
        <v>0.42180000000000001</v>
      </c>
      <c r="AG39" s="94">
        <v>2.2153177363820935E-2</v>
      </c>
      <c r="AH39" s="217">
        <v>0.32650000000000001</v>
      </c>
      <c r="AI39" s="94">
        <v>2.1040287308778854E-2</v>
      </c>
      <c r="AJ39" s="217">
        <v>0.1191</v>
      </c>
      <c r="AK39" s="94">
        <v>1.4569506269332963E-2</v>
      </c>
    </row>
    <row r="40" spans="1:85">
      <c r="A40" s="49" t="s">
        <v>437</v>
      </c>
      <c r="B40" s="214">
        <v>3072</v>
      </c>
      <c r="C40" s="218">
        <v>0.14699999999999999</v>
      </c>
      <c r="D40" s="97">
        <v>1.2785866196447346E-2</v>
      </c>
      <c r="E40" s="218">
        <v>0.16600000000000001</v>
      </c>
      <c r="F40" s="97">
        <v>1.3431613814839208E-2</v>
      </c>
      <c r="G40" s="218">
        <v>0.59199999999999997</v>
      </c>
      <c r="H40" s="97">
        <v>1.772342049912369E-2</v>
      </c>
      <c r="I40" s="218">
        <v>9.5000000000000001E-2</v>
      </c>
      <c r="J40" s="97">
        <v>1.0599783814639639E-2</v>
      </c>
      <c r="K40" s="214">
        <v>3065</v>
      </c>
      <c r="L40" s="218">
        <v>9.1999999999999998E-2</v>
      </c>
      <c r="M40" s="97">
        <v>1.0461469653539144E-2</v>
      </c>
      <c r="N40" s="218">
        <v>0.16800000000000001</v>
      </c>
      <c r="O40" s="97">
        <v>1.35111860062853E-2</v>
      </c>
      <c r="P40" s="218">
        <v>0.69099999999999995</v>
      </c>
      <c r="Q40" s="97">
        <v>1.6685777254675366E-2</v>
      </c>
      <c r="R40" s="218">
        <v>4.9000000000000002E-2</v>
      </c>
      <c r="S40" s="97">
        <v>7.8374544481017994E-3</v>
      </c>
      <c r="T40" s="214">
        <v>3072</v>
      </c>
      <c r="U40" s="218">
        <v>0.33399999999999996</v>
      </c>
      <c r="V40" s="97">
        <v>1.7010500103977911E-2</v>
      </c>
      <c r="W40" s="218">
        <v>0.248</v>
      </c>
      <c r="X40" s="97">
        <v>1.5579864825688928E-2</v>
      </c>
      <c r="Y40" s="218">
        <v>0.32299999999999995</v>
      </c>
      <c r="Z40" s="97">
        <v>1.6866045593861116E-2</v>
      </c>
      <c r="AA40" s="218">
        <v>9.4E-2</v>
      </c>
      <c r="AB40" s="97">
        <v>1.0550049363593415E-2</v>
      </c>
      <c r="AC40" s="214">
        <v>3072</v>
      </c>
      <c r="AD40" s="218">
        <v>0.152</v>
      </c>
      <c r="AE40" s="97">
        <v>1.2962422437559372E-2</v>
      </c>
      <c r="AF40" s="218">
        <v>0.43</v>
      </c>
      <c r="AG40" s="97">
        <v>1.7853352034057485E-2</v>
      </c>
      <c r="AH40" s="218">
        <v>0.32299999999999995</v>
      </c>
      <c r="AI40" s="97">
        <v>1.6866045593861116E-2</v>
      </c>
      <c r="AJ40" s="218">
        <v>9.4E-2</v>
      </c>
      <c r="AK40" s="97">
        <v>1.0550049363593415E-2</v>
      </c>
    </row>
    <row r="41" spans="1:85">
      <c r="A41" s="45" t="s">
        <v>438</v>
      </c>
      <c r="B41" s="213">
        <v>2481</v>
      </c>
      <c r="C41" s="217">
        <v>0.16700000000000001</v>
      </c>
      <c r="D41" s="94">
        <v>1.4983166914777473E-2</v>
      </c>
      <c r="E41" s="217">
        <v>0.151</v>
      </c>
      <c r="F41" s="94">
        <v>1.4387049861487351E-2</v>
      </c>
      <c r="G41" s="217">
        <v>0.60299999999999998</v>
      </c>
      <c r="H41" s="94">
        <v>1.9631417608491752E-2</v>
      </c>
      <c r="I41" s="217">
        <v>7.8E-2</v>
      </c>
      <c r="J41" s="94">
        <v>1.0801955798503942E-2</v>
      </c>
      <c r="K41" s="213">
        <v>2474</v>
      </c>
      <c r="L41" s="217">
        <v>9.4E-2</v>
      </c>
      <c r="M41" s="94">
        <v>1.1761397623973968E-2</v>
      </c>
      <c r="N41" s="217">
        <v>0.17299999999999999</v>
      </c>
      <c r="O41" s="94">
        <v>1.5215213279697524E-2</v>
      </c>
      <c r="P41" s="217">
        <v>0.68300000000000005</v>
      </c>
      <c r="Q41" s="94">
        <v>1.8699398934714201E-2</v>
      </c>
      <c r="R41" s="217">
        <v>0.05</v>
      </c>
      <c r="S41" s="94">
        <v>8.816415222206159E-3</v>
      </c>
      <c r="T41" s="213">
        <v>2481</v>
      </c>
      <c r="U41" s="217">
        <v>0.32600000000000001</v>
      </c>
      <c r="V41" s="94">
        <v>1.8810562107003687E-2</v>
      </c>
      <c r="W41" s="217">
        <v>0.246</v>
      </c>
      <c r="X41" s="94">
        <v>1.728872023725718E-2</v>
      </c>
      <c r="Y41" s="217">
        <v>0.33799999999999997</v>
      </c>
      <c r="Z41" s="94">
        <v>1.8981741506744688E-2</v>
      </c>
      <c r="AA41" s="217">
        <v>0.09</v>
      </c>
      <c r="AB41" s="94">
        <v>1.1519608439517616E-2</v>
      </c>
      <c r="AC41" s="213">
        <v>2481</v>
      </c>
      <c r="AD41" s="217">
        <v>0.13800000000000001</v>
      </c>
      <c r="AE41" s="94">
        <v>1.3862070334532668E-2</v>
      </c>
      <c r="AF41" s="217">
        <v>0.434</v>
      </c>
      <c r="AG41" s="94">
        <v>1.9885305416687201E-2</v>
      </c>
      <c r="AH41" s="217">
        <v>0.33799999999999997</v>
      </c>
      <c r="AI41" s="94">
        <v>1.8981741506744688E-2</v>
      </c>
      <c r="AJ41" s="217">
        <v>0.09</v>
      </c>
      <c r="AK41" s="94">
        <v>1.1519608439517616E-2</v>
      </c>
    </row>
    <row r="42" spans="1:85">
      <c r="A42" s="49" t="s">
        <v>449</v>
      </c>
      <c r="B42" s="214">
        <v>295</v>
      </c>
      <c r="C42" s="218">
        <v>0.06</v>
      </c>
      <c r="D42" s="97">
        <v>2.8694046258420657E-2</v>
      </c>
      <c r="E42" s="218">
        <v>0.14699999999999999</v>
      </c>
      <c r="F42" s="97">
        <v>4.1494282787766679E-2</v>
      </c>
      <c r="G42" s="218">
        <v>0.67400000000000004</v>
      </c>
      <c r="H42" s="97">
        <v>5.4315890335890141E-2</v>
      </c>
      <c r="I42" s="218">
        <v>0.11899999999999999</v>
      </c>
      <c r="J42" s="97">
        <v>3.8133180988191975E-2</v>
      </c>
      <c r="K42" s="214">
        <v>293</v>
      </c>
      <c r="L42" s="218">
        <v>5.5E-2</v>
      </c>
      <c r="M42" s="97">
        <v>2.7773273371369415E-2</v>
      </c>
      <c r="N42" s="218">
        <v>0.14000000000000001</v>
      </c>
      <c r="O42" s="97">
        <v>4.0844189657306976E-2</v>
      </c>
      <c r="P42" s="218">
        <v>0.73799999999999999</v>
      </c>
      <c r="Q42" s="97">
        <v>5.1230184942020668E-2</v>
      </c>
      <c r="R42" s="218">
        <v>6.7000000000000004E-2</v>
      </c>
      <c r="S42" s="97">
        <v>3.0157208878353728E-2</v>
      </c>
      <c r="T42" s="214">
        <v>292</v>
      </c>
      <c r="U42" s="218">
        <v>0.317</v>
      </c>
      <c r="V42" s="97">
        <v>5.4203070686026318E-2</v>
      </c>
      <c r="W42" s="218">
        <v>0.23899999999999999</v>
      </c>
      <c r="X42" s="97">
        <v>4.9825054506751863E-2</v>
      </c>
      <c r="Y42" s="218">
        <v>0.30499999999999999</v>
      </c>
      <c r="Z42" s="97">
        <v>5.3649986620678193E-2</v>
      </c>
      <c r="AA42" s="218">
        <v>0.14000000000000001</v>
      </c>
      <c r="AB42" s="97">
        <v>4.0915046428222947E-2</v>
      </c>
      <c r="AC42" s="214">
        <v>292</v>
      </c>
      <c r="AD42" s="218">
        <v>0.16300000000000001</v>
      </c>
      <c r="AE42" s="97">
        <v>4.341498262745204E-2</v>
      </c>
      <c r="AF42" s="218">
        <v>0.39300000000000002</v>
      </c>
      <c r="AG42" s="97">
        <v>5.6813866511708097E-2</v>
      </c>
      <c r="AH42" s="218">
        <v>0.30499999999999999</v>
      </c>
      <c r="AI42" s="97">
        <v>5.3649986620678193E-2</v>
      </c>
      <c r="AJ42" s="218">
        <v>0.14000000000000001</v>
      </c>
      <c r="AK42" s="97">
        <v>4.0915046428222947E-2</v>
      </c>
    </row>
    <row r="43" spans="1:85">
      <c r="A43" s="45" t="s">
        <v>439</v>
      </c>
      <c r="B43" s="213">
        <v>146</v>
      </c>
      <c r="C43" s="217">
        <v>3.3000000000000002E-2</v>
      </c>
      <c r="D43" s="94">
        <v>3.4014635211811292E-2</v>
      </c>
      <c r="E43" s="217">
        <v>0.08</v>
      </c>
      <c r="F43" s="94">
        <v>4.7012781240849816E-2</v>
      </c>
      <c r="G43" s="217">
        <v>0.76</v>
      </c>
      <c r="H43" s="94">
        <v>7.0419175839581682E-2</v>
      </c>
      <c r="I43" s="217">
        <v>0.128</v>
      </c>
      <c r="J43" s="94">
        <v>5.6308216949216207E-2</v>
      </c>
      <c r="K43" s="213">
        <v>147</v>
      </c>
      <c r="L43" s="217">
        <v>8.0000000000000002E-3</v>
      </c>
      <c r="M43" s="94">
        <v>2.3354861517458036E-2</v>
      </c>
      <c r="N43" s="217">
        <v>0.10100000000000001</v>
      </c>
      <c r="O43" s="94">
        <v>5.1241998235876496E-2</v>
      </c>
      <c r="P43" s="217">
        <v>0.83</v>
      </c>
      <c r="Q43" s="94">
        <v>6.2358314893582824E-2</v>
      </c>
      <c r="R43" s="217">
        <v>6.0999999999999999E-2</v>
      </c>
      <c r="S43" s="94">
        <v>4.2239978937878751E-2</v>
      </c>
      <c r="T43" s="213">
        <v>144</v>
      </c>
      <c r="U43" s="217">
        <v>0.31900000000000001</v>
      </c>
      <c r="V43" s="94">
        <v>7.6932039903706465E-2</v>
      </c>
      <c r="W43" s="217">
        <v>0.19700000000000001</v>
      </c>
      <c r="X43" s="94">
        <v>6.6390854512861183E-2</v>
      </c>
      <c r="Y43" s="217">
        <v>0.35799999999999998</v>
      </c>
      <c r="Z43" s="94">
        <v>7.8999010761284377E-2</v>
      </c>
      <c r="AA43" s="217">
        <v>0.126</v>
      </c>
      <c r="AB43" s="94">
        <v>5.6372959546063854E-2</v>
      </c>
      <c r="AC43" s="213">
        <v>144</v>
      </c>
      <c r="AD43" s="217">
        <v>0.13100000000000001</v>
      </c>
      <c r="AE43" s="94">
        <v>5.7209806819530133E-2</v>
      </c>
      <c r="AF43" s="217">
        <v>0.38500000000000001</v>
      </c>
      <c r="AG43" s="94">
        <v>8.0114817020231779E-2</v>
      </c>
      <c r="AH43" s="217">
        <v>0.35799999999999998</v>
      </c>
      <c r="AI43" s="94">
        <v>7.8999010761284377E-2</v>
      </c>
      <c r="AJ43" s="217">
        <v>0.126</v>
      </c>
      <c r="AK43" s="94">
        <v>5.6372959546063854E-2</v>
      </c>
    </row>
    <row r="44" spans="1:85">
      <c r="A44" s="49" t="s">
        <v>440</v>
      </c>
      <c r="B44" s="214">
        <v>94</v>
      </c>
      <c r="C44" s="218">
        <v>0.14499999999999999</v>
      </c>
      <c r="D44" s="97">
        <v>7.3969878292060476E-2</v>
      </c>
      <c r="E44" s="218">
        <v>0.27100000000000002</v>
      </c>
      <c r="F44" s="97">
        <v>9.0745783664285623E-2</v>
      </c>
      <c r="G44" s="218">
        <v>0.504</v>
      </c>
      <c r="H44" s="97">
        <v>0.10101228041464508</v>
      </c>
      <c r="I44" s="218">
        <v>0.08</v>
      </c>
      <c r="J44" s="97">
        <v>5.9831778618150838E-2</v>
      </c>
      <c r="K44" s="214">
        <v>92</v>
      </c>
      <c r="L44" s="218">
        <v>0.16</v>
      </c>
      <c r="M44" s="97">
        <v>7.7414640865732701E-2</v>
      </c>
      <c r="N44" s="218">
        <v>0.26600000000000001</v>
      </c>
      <c r="O44" s="97">
        <v>9.1221328258070597E-2</v>
      </c>
      <c r="P44" s="218">
        <v>0.52500000000000002</v>
      </c>
      <c r="Q44" s="97">
        <v>0.10194483767048745</v>
      </c>
      <c r="R44" s="218">
        <v>4.9000000000000002E-2</v>
      </c>
      <c r="S44" s="97">
        <v>5.1314372822997577E-2</v>
      </c>
      <c r="T44" s="214">
        <v>94</v>
      </c>
      <c r="U44" s="218">
        <v>0.19</v>
      </c>
      <c r="V44" s="97">
        <v>8.1211439327135551E-2</v>
      </c>
      <c r="W44" s="218">
        <v>0.45400000000000001</v>
      </c>
      <c r="X44" s="97">
        <v>0.10062117468881424</v>
      </c>
      <c r="Y44" s="218">
        <v>0.224</v>
      </c>
      <c r="Z44" s="97">
        <v>8.5694174273343568E-2</v>
      </c>
      <c r="AA44" s="218">
        <v>0.13200000000000001</v>
      </c>
      <c r="AB44" s="97">
        <v>7.1544308447959878E-2</v>
      </c>
      <c r="AC44" s="214">
        <v>94</v>
      </c>
      <c r="AD44" s="218">
        <v>7.5999999999999998E-2</v>
      </c>
      <c r="AE44" s="97">
        <v>5.8762784961480581E-2</v>
      </c>
      <c r="AF44" s="218">
        <v>0.56800000000000006</v>
      </c>
      <c r="AG44" s="97">
        <v>0.1001520814848572</v>
      </c>
      <c r="AH44" s="218">
        <v>0.224</v>
      </c>
      <c r="AI44" s="97">
        <v>8.5694174273343568E-2</v>
      </c>
      <c r="AJ44" s="218">
        <v>0.13200000000000001</v>
      </c>
      <c r="AK44" s="97">
        <v>7.1544308447959878E-2</v>
      </c>
    </row>
    <row r="45" spans="1:85">
      <c r="A45" s="45" t="s">
        <v>475</v>
      </c>
      <c r="B45" s="213">
        <v>263</v>
      </c>
      <c r="C45" s="217">
        <v>0.376</v>
      </c>
      <c r="D45" s="94">
        <v>5.934489469728306E-2</v>
      </c>
      <c r="E45" s="217">
        <v>0.17499999999999999</v>
      </c>
      <c r="F45" s="94">
        <v>4.7010412056563568E-2</v>
      </c>
      <c r="G45" s="217">
        <v>0.41399999999999998</v>
      </c>
      <c r="H45" s="94">
        <v>6.0314275929332507E-2</v>
      </c>
      <c r="I45" s="217">
        <v>3.5000000000000003E-2</v>
      </c>
      <c r="J45" s="94">
        <v>2.4542288645811206E-2</v>
      </c>
      <c r="K45" s="213">
        <v>265</v>
      </c>
      <c r="L45" s="217">
        <v>0.252</v>
      </c>
      <c r="M45" s="94">
        <v>5.3196907961658636E-2</v>
      </c>
      <c r="N45" s="217">
        <v>0.218</v>
      </c>
      <c r="O45" s="94">
        <v>5.0693838987707761E-2</v>
      </c>
      <c r="P45" s="217">
        <v>0.48299999999999998</v>
      </c>
      <c r="Q45" s="94">
        <v>6.0936865480821292E-2</v>
      </c>
      <c r="R45" s="217">
        <v>4.7E-2</v>
      </c>
      <c r="S45" s="94">
        <v>2.7497480896087331E-2</v>
      </c>
      <c r="T45" s="213">
        <v>264</v>
      </c>
      <c r="U45" s="217">
        <v>0.39800000000000002</v>
      </c>
      <c r="V45" s="94">
        <v>5.9838619973059379E-2</v>
      </c>
      <c r="W45" s="217">
        <v>0.24199999999999999</v>
      </c>
      <c r="X45" s="94">
        <v>5.2604999028637994E-2</v>
      </c>
      <c r="Y45" s="217">
        <v>0.26400000000000001</v>
      </c>
      <c r="Z45" s="94">
        <v>5.4080393438157508E-2</v>
      </c>
      <c r="AA45" s="217">
        <v>9.6000000000000002E-2</v>
      </c>
      <c r="AB45" s="94">
        <v>3.6979171286001596E-2</v>
      </c>
      <c r="AC45" s="213">
        <v>264</v>
      </c>
      <c r="AD45" s="217">
        <v>0.16600000000000001</v>
      </c>
      <c r="AE45" s="94">
        <v>4.5996297528107542E-2</v>
      </c>
      <c r="AF45" s="217">
        <v>0.47399999999999998</v>
      </c>
      <c r="AG45" s="94">
        <v>6.100452986779125E-2</v>
      </c>
      <c r="AH45" s="217">
        <v>0.26400000000000001</v>
      </c>
      <c r="AI45" s="94">
        <v>5.4080393438157508E-2</v>
      </c>
      <c r="AJ45" s="217">
        <v>9.6000000000000002E-2</v>
      </c>
      <c r="AK45" s="94">
        <v>3.6979171286001596E-2</v>
      </c>
    </row>
    <row r="46" spans="1:85">
      <c r="A46" s="49" t="s">
        <v>441</v>
      </c>
      <c r="B46" s="214">
        <v>80</v>
      </c>
      <c r="C46" s="218">
        <v>0.71399999999999997</v>
      </c>
      <c r="D46" s="97">
        <v>9.9633059632054516E-2</v>
      </c>
      <c r="E46" s="218">
        <v>8.1000000000000003E-2</v>
      </c>
      <c r="F46" s="97">
        <v>6.5741556666789394E-2</v>
      </c>
      <c r="G46" s="218">
        <v>0.182</v>
      </c>
      <c r="H46" s="97">
        <v>8.6816048280643682E-2</v>
      </c>
      <c r="I46" s="218">
        <v>2.3E-2</v>
      </c>
      <c r="J46" s="97">
        <v>4.5578028225763491E-2</v>
      </c>
      <c r="K46" s="214">
        <v>82</v>
      </c>
      <c r="L46" s="218">
        <v>0.41899999999999998</v>
      </c>
      <c r="M46" s="97">
        <v>0.10653859044545039</v>
      </c>
      <c r="N46" s="218">
        <v>0.21199999999999999</v>
      </c>
      <c r="O46" s="97">
        <v>9.0114213204046126E-2</v>
      </c>
      <c r="P46" s="218">
        <v>0.34799999999999998</v>
      </c>
      <c r="Q46" s="97">
        <v>0.10320339540354587</v>
      </c>
      <c r="R46" s="218">
        <v>0.02</v>
      </c>
      <c r="S46" s="97">
        <v>4.3420136018390822E-2</v>
      </c>
      <c r="T46" s="214">
        <v>82</v>
      </c>
      <c r="U46" s="218">
        <v>0.59199999999999997</v>
      </c>
      <c r="V46" s="97">
        <v>0.10616026462856178</v>
      </c>
      <c r="W46" s="218">
        <v>0.20799999999999999</v>
      </c>
      <c r="X46" s="97">
        <v>8.9568235800292065E-2</v>
      </c>
      <c r="Y46" s="218">
        <v>0.11899999999999999</v>
      </c>
      <c r="Z46" s="97">
        <v>7.409243675706785E-2</v>
      </c>
      <c r="AA46" s="218">
        <v>8.1000000000000003E-2</v>
      </c>
      <c r="AB46" s="97">
        <v>6.4839859678455014E-2</v>
      </c>
      <c r="AC46" s="214">
        <v>82</v>
      </c>
      <c r="AD46" s="218">
        <v>0.247</v>
      </c>
      <c r="AE46" s="97">
        <v>9.4452363505571679E-2</v>
      </c>
      <c r="AF46" s="218">
        <v>0.55299999999999994</v>
      </c>
      <c r="AG46" s="97">
        <v>0.10728059828651305</v>
      </c>
      <c r="AH46" s="218">
        <v>0.11899999999999999</v>
      </c>
      <c r="AI46" s="97">
        <v>7.409243675706785E-2</v>
      </c>
      <c r="AJ46" s="218">
        <v>8.1000000000000003E-2</v>
      </c>
      <c r="AK46" s="97">
        <v>6.4839859678455014E-2</v>
      </c>
    </row>
    <row r="47" spans="1:85" ht="25.5">
      <c r="A47" s="45" t="s">
        <v>442</v>
      </c>
      <c r="B47" s="213">
        <v>108</v>
      </c>
      <c r="C47" s="217">
        <v>0.247</v>
      </c>
      <c r="D47" s="94">
        <v>8.2479743681169199E-2</v>
      </c>
      <c r="E47" s="217">
        <v>0.222</v>
      </c>
      <c r="F47" s="94">
        <v>7.9762529061421145E-2</v>
      </c>
      <c r="G47" s="217">
        <v>0.47899999999999998</v>
      </c>
      <c r="H47" s="94">
        <v>9.4413591920261747E-2</v>
      </c>
      <c r="I47" s="217">
        <v>5.1999999999999998E-2</v>
      </c>
      <c r="J47" s="94">
        <v>4.7575503900942256E-2</v>
      </c>
      <c r="K47" s="213">
        <v>108</v>
      </c>
      <c r="L47" s="217">
        <v>0.221</v>
      </c>
      <c r="M47" s="94">
        <v>7.9646492263980254E-2</v>
      </c>
      <c r="N47" s="217">
        <v>0.18</v>
      </c>
      <c r="O47" s="94">
        <v>7.4350442757205024E-2</v>
      </c>
      <c r="P47" s="217">
        <v>0.51600000000000001</v>
      </c>
      <c r="Q47" s="94">
        <v>9.4446122052975159E-2</v>
      </c>
      <c r="R47" s="217">
        <v>8.3000000000000004E-2</v>
      </c>
      <c r="S47" s="94">
        <v>5.6159799317682148E-2</v>
      </c>
      <c r="T47" s="213">
        <v>108</v>
      </c>
      <c r="U47" s="217">
        <v>0.21700000000000003</v>
      </c>
      <c r="V47" s="94">
        <v>7.9176450440142182E-2</v>
      </c>
      <c r="W47" s="217">
        <v>0.192</v>
      </c>
      <c r="X47" s="94">
        <v>7.6014801190294509E-2</v>
      </c>
      <c r="Y47" s="217">
        <v>0.45399999999999996</v>
      </c>
      <c r="Z47" s="94">
        <v>9.4118550600056486E-2</v>
      </c>
      <c r="AA47" s="217">
        <v>0.13500000000000001</v>
      </c>
      <c r="AB47" s="94">
        <v>6.7114279293294277E-2</v>
      </c>
      <c r="AC47" s="213">
        <v>108</v>
      </c>
      <c r="AD47" s="217">
        <v>8.2000000000000003E-2</v>
      </c>
      <c r="AE47" s="94">
        <v>5.5912375153764279E-2</v>
      </c>
      <c r="AF47" s="217">
        <v>0.32700000000000001</v>
      </c>
      <c r="AG47" s="94">
        <v>8.9076734771084493E-2</v>
      </c>
      <c r="AH47" s="217">
        <v>0.45399999999999996</v>
      </c>
      <c r="AI47" s="94">
        <v>9.4118550600056486E-2</v>
      </c>
      <c r="AJ47" s="217">
        <v>0.13500000000000001</v>
      </c>
      <c r="AK47" s="94">
        <v>6.7114279293294277E-2</v>
      </c>
    </row>
    <row r="48" spans="1:85">
      <c r="A48" s="49" t="s">
        <v>462</v>
      </c>
      <c r="B48" s="214">
        <v>71</v>
      </c>
      <c r="C48" s="218">
        <v>0.16500000000000001</v>
      </c>
      <c r="D48" s="97">
        <v>8.927155542168741E-2</v>
      </c>
      <c r="E48" s="218">
        <v>0.22900000000000001</v>
      </c>
      <c r="F48" s="97">
        <v>9.9111737030410207E-2</v>
      </c>
      <c r="G48" s="218">
        <v>0.57299999999999995</v>
      </c>
      <c r="H48" s="97">
        <v>0.11436182780915952</v>
      </c>
      <c r="I48" s="218">
        <v>3.4000000000000002E-2</v>
      </c>
      <c r="J48" s="97">
        <v>5.4351752373535053E-2</v>
      </c>
      <c r="K48" s="214">
        <v>71</v>
      </c>
      <c r="L48" s="218">
        <v>9.6000000000000002E-2</v>
      </c>
      <c r="M48" s="97">
        <v>7.4379010595632317E-2</v>
      </c>
      <c r="N48" s="218">
        <v>0.27100000000000002</v>
      </c>
      <c r="O48" s="97">
        <v>0.10405217695125987</v>
      </c>
      <c r="P48" s="218">
        <v>0.59199999999999997</v>
      </c>
      <c r="Q48" s="97">
        <v>0.11370482283266356</v>
      </c>
      <c r="R48" s="218">
        <v>4.1000000000000002E-2</v>
      </c>
      <c r="S48" s="97">
        <v>5.712786575160439E-2</v>
      </c>
      <c r="T48" s="214">
        <v>70</v>
      </c>
      <c r="U48" s="218">
        <v>0.40100000000000002</v>
      </c>
      <c r="V48" s="97">
        <v>0.11419043615140312</v>
      </c>
      <c r="W48" s="218">
        <v>0.34899999999999998</v>
      </c>
      <c r="X48" s="97">
        <v>0.1114031762567743</v>
      </c>
      <c r="Y48" s="218">
        <v>0.17299999999999999</v>
      </c>
      <c r="Z48" s="97">
        <v>9.1332023447952299E-2</v>
      </c>
      <c r="AA48" s="218">
        <v>7.6999999999999999E-2</v>
      </c>
      <c r="AB48" s="97">
        <v>6.9706672537405936E-2</v>
      </c>
      <c r="AC48" s="214">
        <v>70</v>
      </c>
      <c r="AD48" s="218">
        <v>0.16500000000000001</v>
      </c>
      <c r="AE48" s="97">
        <v>8.9918740749687961E-2</v>
      </c>
      <c r="AF48" s="218">
        <v>0.58499999999999996</v>
      </c>
      <c r="AG48" s="97">
        <v>0.11473470475266266</v>
      </c>
      <c r="AH48" s="218">
        <v>0.17299999999999999</v>
      </c>
      <c r="AI48" s="97">
        <v>9.1332023447952299E-2</v>
      </c>
      <c r="AJ48" s="218">
        <v>7.6999999999999999E-2</v>
      </c>
      <c r="AK48" s="97">
        <v>6.9706672537405936E-2</v>
      </c>
    </row>
    <row r="49" spans="1:37">
      <c r="A49" s="45" t="s">
        <v>450</v>
      </c>
      <c r="B49" s="213">
        <v>310</v>
      </c>
      <c r="C49" s="217">
        <v>0.123</v>
      </c>
      <c r="D49" s="94">
        <v>3.7682727894618413E-2</v>
      </c>
      <c r="E49" s="217">
        <v>0.10100000000000001</v>
      </c>
      <c r="F49" s="94">
        <v>3.4756521919506914E-2</v>
      </c>
      <c r="G49" s="217">
        <v>0.68500000000000005</v>
      </c>
      <c r="H49" s="94">
        <v>5.2533449525397659E-2</v>
      </c>
      <c r="I49" s="217">
        <v>9.0999999999999998E-2</v>
      </c>
      <c r="J49" s="94">
        <v>3.3282001068003914E-2</v>
      </c>
      <c r="K49" s="213">
        <v>309</v>
      </c>
      <c r="L49" s="217">
        <v>8.6999999999999994E-2</v>
      </c>
      <c r="M49" s="94">
        <v>3.2717736441553694E-2</v>
      </c>
      <c r="N49" s="217">
        <v>0.10299999999999999</v>
      </c>
      <c r="O49" s="94">
        <v>3.509796510198275E-2</v>
      </c>
      <c r="P49" s="217">
        <v>0.73499999999999999</v>
      </c>
      <c r="Q49" s="94">
        <v>5.0070555001758506E-2</v>
      </c>
      <c r="R49" s="217">
        <v>7.5999999999999998E-2</v>
      </c>
      <c r="S49" s="94">
        <v>3.0915643912976971E-2</v>
      </c>
      <c r="T49" s="213">
        <v>310</v>
      </c>
      <c r="U49" s="217">
        <v>0.28400000000000003</v>
      </c>
      <c r="V49" s="94">
        <v>5.1043270845117755E-2</v>
      </c>
      <c r="W49" s="217">
        <v>0.32600000000000001</v>
      </c>
      <c r="X49" s="94">
        <v>5.2998071100199613E-2</v>
      </c>
      <c r="Y49" s="217">
        <v>0.30299999999999999</v>
      </c>
      <c r="Z49" s="94">
        <v>5.198890945782926E-2</v>
      </c>
      <c r="AA49" s="217">
        <v>8.7999999999999995E-2</v>
      </c>
      <c r="AB49" s="94">
        <v>3.281935542695421E-2</v>
      </c>
      <c r="AC49" s="213">
        <v>310</v>
      </c>
      <c r="AD49" s="217">
        <v>9.6000000000000002E-2</v>
      </c>
      <c r="AE49" s="94">
        <v>3.4031810334083833E-2</v>
      </c>
      <c r="AF49" s="217">
        <v>0.51400000000000001</v>
      </c>
      <c r="AG49" s="94">
        <v>5.6411698861660906E-2</v>
      </c>
      <c r="AH49" s="217">
        <v>0.30299999999999999</v>
      </c>
      <c r="AI49" s="94">
        <v>5.198890945782926E-2</v>
      </c>
      <c r="AJ49" s="217">
        <v>8.7999999999999995E-2</v>
      </c>
      <c r="AK49" s="94">
        <v>3.281935542695421E-2</v>
      </c>
    </row>
    <row r="50" spans="1:37">
      <c r="A50" s="49" t="s">
        <v>443</v>
      </c>
      <c r="B50" s="214">
        <v>159</v>
      </c>
      <c r="C50" s="218">
        <v>0.14199999999999999</v>
      </c>
      <c r="D50" s="97">
        <v>5.6056298736623864E-2</v>
      </c>
      <c r="E50" s="218">
        <v>4.2999999999999997E-2</v>
      </c>
      <c r="F50" s="97">
        <v>3.5472442474627372E-2</v>
      </c>
      <c r="G50" s="218">
        <v>0.67800000000000005</v>
      </c>
      <c r="H50" s="97">
        <v>7.3451618008423175E-2</v>
      </c>
      <c r="I50" s="218">
        <v>0.13700000000000001</v>
      </c>
      <c r="J50" s="97">
        <v>5.5300370683422632E-2</v>
      </c>
      <c r="K50" s="214">
        <v>158</v>
      </c>
      <c r="L50" s="218">
        <v>0.10100000000000001</v>
      </c>
      <c r="M50" s="97">
        <v>4.9332261948543142E-2</v>
      </c>
      <c r="N50" s="218">
        <v>9.4E-2</v>
      </c>
      <c r="O50" s="97">
        <v>4.797209964492926E-2</v>
      </c>
      <c r="P50" s="218">
        <v>0.70099999999999996</v>
      </c>
      <c r="Q50" s="97">
        <v>7.2276813574530197E-2</v>
      </c>
      <c r="R50" s="218">
        <v>0.105</v>
      </c>
      <c r="S50" s="97">
        <v>5.0082602281444275E-2</v>
      </c>
      <c r="T50" s="214">
        <v>160</v>
      </c>
      <c r="U50" s="218">
        <v>0.255</v>
      </c>
      <c r="V50" s="97">
        <v>6.8586306830141455E-2</v>
      </c>
      <c r="W50" s="218">
        <v>0.433</v>
      </c>
      <c r="X50" s="97">
        <v>7.7416722397162283E-2</v>
      </c>
      <c r="Y50" s="218">
        <v>0.21299999999999999</v>
      </c>
      <c r="Z50" s="97">
        <v>6.4694403572940817E-2</v>
      </c>
      <c r="AA50" s="218">
        <v>9.9000000000000005E-2</v>
      </c>
      <c r="AB50" s="97">
        <v>4.8626825196871469E-2</v>
      </c>
      <c r="AC50" s="214">
        <v>160</v>
      </c>
      <c r="AD50" s="218">
        <v>6.3E-2</v>
      </c>
      <c r="AE50" s="97">
        <v>4.0794833655886119E-2</v>
      </c>
      <c r="AF50" s="218">
        <v>0.625</v>
      </c>
      <c r="AG50" s="97">
        <v>7.5728639435283851E-2</v>
      </c>
      <c r="AH50" s="218">
        <v>0.21299999999999999</v>
      </c>
      <c r="AI50" s="97">
        <v>6.4694403572940817E-2</v>
      </c>
      <c r="AJ50" s="218">
        <v>9.9000000000000005E-2</v>
      </c>
      <c r="AK50" s="97">
        <v>4.8626825196871469E-2</v>
      </c>
    </row>
    <row r="51" spans="1:37">
      <c r="A51" s="57" t="s">
        <v>444</v>
      </c>
      <c r="B51" s="213">
        <v>151</v>
      </c>
      <c r="C51" s="217">
        <v>0.109</v>
      </c>
      <c r="D51" s="94">
        <v>5.2031706871442256E-2</v>
      </c>
      <c r="E51" s="217">
        <v>0.14299999999999999</v>
      </c>
      <c r="F51" s="94">
        <v>5.7707635837875429E-2</v>
      </c>
      <c r="G51" s="217">
        <v>0.69</v>
      </c>
      <c r="H51" s="94">
        <v>7.4615432838183587E-2</v>
      </c>
      <c r="I51" s="217">
        <v>5.8000000000000003E-2</v>
      </c>
      <c r="J51" s="94">
        <v>4.0826682005105898E-2</v>
      </c>
      <c r="K51" s="213">
        <v>151</v>
      </c>
      <c r="L51" s="217">
        <v>7.8E-2</v>
      </c>
      <c r="M51" s="94">
        <v>4.5716894070030892E-2</v>
      </c>
      <c r="N51" s="217">
        <v>0.109</v>
      </c>
      <c r="O51" s="94">
        <v>5.2031706871442256E-2</v>
      </c>
      <c r="P51" s="217">
        <v>0.75800000000000001</v>
      </c>
      <c r="Q51" s="94">
        <v>6.9435926643428084E-2</v>
      </c>
      <c r="R51" s="217">
        <v>5.5E-2</v>
      </c>
      <c r="S51" s="94">
        <v>4.0020564348969098E-2</v>
      </c>
      <c r="T51" s="213">
        <v>150</v>
      </c>
      <c r="U51" s="217">
        <v>0.30499999999999999</v>
      </c>
      <c r="V51" s="94">
        <v>7.454183364961639E-2</v>
      </c>
      <c r="W51" s="217">
        <v>0.249</v>
      </c>
      <c r="X51" s="94">
        <v>7.0292390379845582E-2</v>
      </c>
      <c r="Y51" s="217">
        <v>0.36699999999999999</v>
      </c>
      <c r="Z51" s="94">
        <v>7.783064785562481E-2</v>
      </c>
      <c r="AA51" s="217">
        <v>0.08</v>
      </c>
      <c r="AB51" s="94">
        <v>4.6331562857965955E-2</v>
      </c>
      <c r="AC51" s="213">
        <v>150</v>
      </c>
      <c r="AD51" s="217">
        <v>0.12</v>
      </c>
      <c r="AE51" s="94">
        <v>5.4177169494947754E-2</v>
      </c>
      <c r="AF51" s="217">
        <v>0.434</v>
      </c>
      <c r="AG51" s="94">
        <v>7.9913483565369675E-2</v>
      </c>
      <c r="AH51" s="217">
        <v>0.36699999999999999</v>
      </c>
      <c r="AI51" s="94">
        <v>7.783064785562481E-2</v>
      </c>
      <c r="AJ51" s="217">
        <v>0.08</v>
      </c>
      <c r="AK51" s="94">
        <v>4.6331562857965955E-2</v>
      </c>
    </row>
    <row r="52" spans="1:37">
      <c r="A52" s="49" t="s">
        <v>451</v>
      </c>
      <c r="B52" s="214">
        <v>91</v>
      </c>
      <c r="C52" s="218">
        <v>2.1999999999999999E-2</v>
      </c>
      <c r="D52" s="97">
        <v>4.12191520674191E-2</v>
      </c>
      <c r="E52" s="218">
        <v>0.20899999999999999</v>
      </c>
      <c r="F52" s="97">
        <v>8.5174719401904561E-2</v>
      </c>
      <c r="G52" s="218">
        <v>0.73199999999999998</v>
      </c>
      <c r="H52" s="97">
        <v>9.1906846504847872E-2</v>
      </c>
      <c r="I52" s="218">
        <v>3.6999999999999998E-2</v>
      </c>
      <c r="J52" s="97">
        <v>4.7374468607488986E-2</v>
      </c>
      <c r="K52" s="214">
        <v>92</v>
      </c>
      <c r="L52" s="218">
        <v>2.8000000000000001E-2</v>
      </c>
      <c r="M52" s="97">
        <v>4.3490686529587173E-2</v>
      </c>
      <c r="N52" s="218">
        <v>0.105</v>
      </c>
      <c r="O52" s="97">
        <v>6.6679021750104622E-2</v>
      </c>
      <c r="P52" s="218">
        <v>0.83299999999999996</v>
      </c>
      <c r="Q52" s="97">
        <v>7.857035975666439E-2</v>
      </c>
      <c r="R52" s="218">
        <v>3.5000000000000003E-2</v>
      </c>
      <c r="S52" s="97">
        <v>4.6286408811064612E-2</v>
      </c>
      <c r="T52" s="214">
        <v>92</v>
      </c>
      <c r="U52" s="218">
        <v>0.36099999999999999</v>
      </c>
      <c r="V52" s="97">
        <v>9.8373340716746763E-2</v>
      </c>
      <c r="W52" s="218">
        <v>0.17799999999999999</v>
      </c>
      <c r="X52" s="97">
        <v>8.0305750725194247E-2</v>
      </c>
      <c r="Y52" s="218">
        <v>0.437</v>
      </c>
      <c r="Z52" s="97">
        <v>0.10131527923907463</v>
      </c>
      <c r="AA52" s="218">
        <v>2.4E-2</v>
      </c>
      <c r="AB52" s="97">
        <v>4.1789139449454157E-2</v>
      </c>
      <c r="AC52" s="214">
        <v>92</v>
      </c>
      <c r="AD52" s="218">
        <v>0.18099999999999999</v>
      </c>
      <c r="AE52" s="97">
        <v>8.076261896512818E-2</v>
      </c>
      <c r="AF52" s="218">
        <v>0.35799999999999998</v>
      </c>
      <c r="AG52" s="97">
        <v>9.8209242264685567E-2</v>
      </c>
      <c r="AH52" s="218">
        <v>0.437</v>
      </c>
      <c r="AI52" s="97">
        <v>0.10131527923907463</v>
      </c>
      <c r="AJ52" s="218">
        <v>2.4E-2</v>
      </c>
      <c r="AK52" s="97">
        <v>4.1789139449454157E-2</v>
      </c>
    </row>
    <row r="53" spans="1:37">
      <c r="A53" s="57" t="s">
        <v>452</v>
      </c>
      <c r="B53" s="213">
        <v>321</v>
      </c>
      <c r="C53" s="217">
        <v>0.193</v>
      </c>
      <c r="D53" s="94">
        <v>4.4105705001719224E-2</v>
      </c>
      <c r="E53" s="217">
        <v>0.26100000000000001</v>
      </c>
      <c r="F53" s="94">
        <v>4.8898815808986272E-2</v>
      </c>
      <c r="G53" s="217">
        <v>0.502</v>
      </c>
      <c r="H53" s="94">
        <v>5.5469586716783127E-2</v>
      </c>
      <c r="I53" s="217">
        <v>4.3999999999999997E-2</v>
      </c>
      <c r="J53" s="94">
        <v>2.4089813134058644E-2</v>
      </c>
      <c r="K53" s="213">
        <v>319</v>
      </c>
      <c r="L53" s="217">
        <v>0.11600000000000001</v>
      </c>
      <c r="M53" s="94">
        <v>3.6260759605835524E-2</v>
      </c>
      <c r="N53" s="217">
        <v>0.23</v>
      </c>
      <c r="O53" s="94">
        <v>4.7068146727785198E-2</v>
      </c>
      <c r="P53" s="217">
        <v>0.63700000000000001</v>
      </c>
      <c r="Q53" s="94">
        <v>5.356550209549029E-2</v>
      </c>
      <c r="R53" s="217">
        <v>1.7000000000000001E-2</v>
      </c>
      <c r="S53" s="94">
        <v>1.6675106413558884E-2</v>
      </c>
      <c r="T53" s="213">
        <v>322</v>
      </c>
      <c r="U53" s="217">
        <v>0.35099999999999998</v>
      </c>
      <c r="V53" s="94">
        <v>5.2931309512237366E-2</v>
      </c>
      <c r="W53" s="217">
        <v>0.28399999999999997</v>
      </c>
      <c r="X53" s="94">
        <v>5.0089724206033727E-2</v>
      </c>
      <c r="Y53" s="217">
        <v>0.317</v>
      </c>
      <c r="Z53" s="94">
        <v>5.1639117494855488E-2</v>
      </c>
      <c r="AA53" s="217">
        <v>4.8000000000000001E-2</v>
      </c>
      <c r="AB53" s="94">
        <v>2.4936443589549821E-2</v>
      </c>
      <c r="AC53" s="213">
        <v>322</v>
      </c>
      <c r="AD53" s="217">
        <v>0.15</v>
      </c>
      <c r="AE53" s="94">
        <v>4.0013447497765739E-2</v>
      </c>
      <c r="AF53" s="217">
        <v>0.48499999999999999</v>
      </c>
      <c r="AG53" s="94">
        <v>5.5360556887329097E-2</v>
      </c>
      <c r="AH53" s="217">
        <v>0.317</v>
      </c>
      <c r="AI53" s="94">
        <v>5.1639117494855488E-2</v>
      </c>
      <c r="AJ53" s="217">
        <v>4.8000000000000001E-2</v>
      </c>
      <c r="AK53" s="94">
        <v>2.4936443589549821E-2</v>
      </c>
    </row>
    <row r="54" spans="1:37">
      <c r="A54" s="49" t="s">
        <v>445</v>
      </c>
      <c r="B54" s="214">
        <v>104</v>
      </c>
      <c r="C54" s="218">
        <v>0.16500000000000001</v>
      </c>
      <c r="D54" s="97">
        <v>7.3518458051272065E-2</v>
      </c>
      <c r="E54" s="218">
        <v>0.19600000000000001</v>
      </c>
      <c r="F54" s="97">
        <v>7.8008275608131242E-2</v>
      </c>
      <c r="G54" s="218">
        <v>0.58399999999999996</v>
      </c>
      <c r="H54" s="97">
        <v>9.495749295699922E-2</v>
      </c>
      <c r="I54" s="218">
        <v>5.3999999999999999E-2</v>
      </c>
      <c r="J54" s="97">
        <v>4.9270852725660973E-2</v>
      </c>
      <c r="K54" s="214">
        <v>103</v>
      </c>
      <c r="L54" s="218">
        <v>0.107</v>
      </c>
      <c r="M54" s="97">
        <v>6.321089046238311E-2</v>
      </c>
      <c r="N54" s="218">
        <v>0.22900000000000001</v>
      </c>
      <c r="O54" s="97">
        <v>8.247282915835967E-2</v>
      </c>
      <c r="P54" s="218">
        <v>0.66400000000000003</v>
      </c>
      <c r="Q54" s="97">
        <v>9.1728434767304121E-2</v>
      </c>
      <c r="R54" s="218">
        <v>0</v>
      </c>
      <c r="S54" s="97">
        <v>2.6185687246820841E-2</v>
      </c>
      <c r="T54" s="214">
        <v>104</v>
      </c>
      <c r="U54" s="218">
        <v>0.33</v>
      </c>
      <c r="V54" s="97">
        <v>9.0921434826323588E-2</v>
      </c>
      <c r="W54" s="218">
        <v>0.29299999999999998</v>
      </c>
      <c r="X54" s="97">
        <v>8.8247594075319152E-2</v>
      </c>
      <c r="Y54" s="218">
        <v>0.32600000000000001</v>
      </c>
      <c r="Z54" s="97">
        <v>9.0661179532176409E-2</v>
      </c>
      <c r="AA54" s="218">
        <v>0.05</v>
      </c>
      <c r="AB54" s="97">
        <v>4.8005486654873038E-2</v>
      </c>
      <c r="AC54" s="214">
        <v>104</v>
      </c>
      <c r="AD54" s="218">
        <v>0.10299999999999999</v>
      </c>
      <c r="AE54" s="97">
        <v>6.2018378948004702E-2</v>
      </c>
      <c r="AF54" s="218">
        <v>0.52</v>
      </c>
      <c r="AG54" s="97">
        <v>9.6153634960042256E-2</v>
      </c>
      <c r="AH54" s="218">
        <v>0.32600000000000001</v>
      </c>
      <c r="AI54" s="97">
        <v>9.0661179532176409E-2</v>
      </c>
      <c r="AJ54" s="218">
        <v>0.05</v>
      </c>
      <c r="AK54" s="97">
        <v>4.8005486654873038E-2</v>
      </c>
    </row>
    <row r="55" spans="1:37">
      <c r="A55" s="57" t="s">
        <v>446</v>
      </c>
      <c r="B55" s="213">
        <v>123</v>
      </c>
      <c r="C55" s="217">
        <v>0.20599999999999999</v>
      </c>
      <c r="D55" s="94">
        <v>7.2941146099238158E-2</v>
      </c>
      <c r="E55" s="217">
        <v>0.35099999999999998</v>
      </c>
      <c r="F55" s="94">
        <v>8.4959548457533701E-2</v>
      </c>
      <c r="G55" s="217">
        <v>0.39700000000000002</v>
      </c>
      <c r="H55" s="94">
        <v>8.6951658089902253E-2</v>
      </c>
      <c r="I55" s="217">
        <v>4.5999999999999999E-2</v>
      </c>
      <c r="J55" s="94">
        <v>4.2245334293351394E-2</v>
      </c>
      <c r="K55" s="213">
        <v>123</v>
      </c>
      <c r="L55" s="217">
        <v>0.124</v>
      </c>
      <c r="M55" s="94">
        <v>6.0805441512261658E-2</v>
      </c>
      <c r="N55" s="217">
        <v>0.27</v>
      </c>
      <c r="O55" s="94">
        <v>7.9442904086844623E-2</v>
      </c>
      <c r="P55" s="217">
        <v>0.57499999999999996</v>
      </c>
      <c r="Q55" s="94">
        <v>8.7794274685983026E-2</v>
      </c>
      <c r="R55" s="217">
        <v>3.1E-2</v>
      </c>
      <c r="S55" s="94">
        <v>3.7089637865780754E-2</v>
      </c>
      <c r="T55" s="213">
        <v>123</v>
      </c>
      <c r="U55" s="217">
        <v>0.37</v>
      </c>
      <c r="V55" s="94">
        <v>8.5876271019828282E-2</v>
      </c>
      <c r="W55" s="217">
        <v>0.22800000000000001</v>
      </c>
      <c r="X55" s="94">
        <v>7.5420713371602346E-2</v>
      </c>
      <c r="Y55" s="217">
        <v>0.37</v>
      </c>
      <c r="Z55" s="94">
        <v>8.5876271019828282E-2</v>
      </c>
      <c r="AA55" s="217">
        <v>3.1E-2</v>
      </c>
      <c r="AB55" s="94">
        <v>3.7089637865780754E-2</v>
      </c>
      <c r="AC55" s="213">
        <v>123</v>
      </c>
      <c r="AD55" s="217">
        <v>0.156</v>
      </c>
      <c r="AE55" s="94">
        <v>6.6166301262753774E-2</v>
      </c>
      <c r="AF55" s="217">
        <v>0.442</v>
      </c>
      <c r="AG55" s="94">
        <v>8.8173874113199158E-2</v>
      </c>
      <c r="AH55" s="217">
        <v>0.37</v>
      </c>
      <c r="AI55" s="94">
        <v>8.5876271019828282E-2</v>
      </c>
      <c r="AJ55" s="217">
        <v>3.1E-2</v>
      </c>
      <c r="AK55" s="94">
        <v>3.7089637865780754E-2</v>
      </c>
    </row>
    <row r="56" spans="1:37">
      <c r="A56" s="49" t="s">
        <v>447</v>
      </c>
      <c r="B56" s="214">
        <v>94</v>
      </c>
      <c r="C56" s="218">
        <v>0.20499999999999999</v>
      </c>
      <c r="D56" s="97">
        <v>8.3283165943577459E-2</v>
      </c>
      <c r="E56" s="218">
        <v>0.21299999999999999</v>
      </c>
      <c r="F56" s="97">
        <v>8.4326328110865781E-2</v>
      </c>
      <c r="G56" s="218">
        <v>0.55000000000000004</v>
      </c>
      <c r="H56" s="97">
        <v>0.10054949369185681</v>
      </c>
      <c r="I56" s="218">
        <v>3.3000000000000002E-2</v>
      </c>
      <c r="J56" s="97">
        <v>4.4881182545817341E-2</v>
      </c>
      <c r="K56" s="214">
        <v>93</v>
      </c>
      <c r="L56" s="218">
        <v>0.114</v>
      </c>
      <c r="M56" s="97">
        <v>6.8274449876848234E-2</v>
      </c>
      <c r="N56" s="218">
        <v>0.18099999999999999</v>
      </c>
      <c r="O56" s="97">
        <v>8.032373036835358E-2</v>
      </c>
      <c r="P56" s="218">
        <v>0.68700000000000006</v>
      </c>
      <c r="Q56" s="97">
        <v>9.4782567554047847E-2</v>
      </c>
      <c r="R56" s="218">
        <v>1.7999999999999999E-2</v>
      </c>
      <c r="S56" s="97">
        <v>3.8765313125761029E-2</v>
      </c>
      <c r="T56" s="214">
        <v>95</v>
      </c>
      <c r="U56" s="218">
        <v>0.34699999999999998</v>
      </c>
      <c r="V56" s="97">
        <v>9.6073293041629204E-2</v>
      </c>
      <c r="W56" s="218">
        <v>0.34499999999999997</v>
      </c>
      <c r="X56" s="97">
        <v>9.5953943845700218E-2</v>
      </c>
      <c r="Y56" s="218">
        <v>0.24</v>
      </c>
      <c r="Z56" s="97">
        <v>8.7097361097579332E-2</v>
      </c>
      <c r="AA56" s="218">
        <v>6.7000000000000004E-2</v>
      </c>
      <c r="AB56" s="97">
        <v>5.590596470040244E-2</v>
      </c>
      <c r="AC56" s="214">
        <v>95</v>
      </c>
      <c r="AD56" s="218">
        <v>0.19</v>
      </c>
      <c r="AE56" s="97">
        <v>8.0781229596638707E-2</v>
      </c>
      <c r="AF56" s="218">
        <v>0.502</v>
      </c>
      <c r="AG56" s="97">
        <v>0.10050304115251506</v>
      </c>
      <c r="AH56" s="218">
        <v>0.24</v>
      </c>
      <c r="AI56" s="97">
        <v>8.7097361097579332E-2</v>
      </c>
      <c r="AJ56" s="218">
        <v>6.7000000000000004E-2</v>
      </c>
      <c r="AK56" s="97">
        <v>5.590596470040244E-2</v>
      </c>
    </row>
    <row r="57" spans="1:37">
      <c r="A57" s="57" t="s">
        <v>453</v>
      </c>
      <c r="B57" s="213">
        <v>101</v>
      </c>
      <c r="C57" s="217">
        <v>0.26500000000000001</v>
      </c>
      <c r="D57" s="94">
        <v>8.7047326793100649E-2</v>
      </c>
      <c r="E57" s="217">
        <v>0.111</v>
      </c>
      <c r="F57" s="94">
        <v>6.47305373949527E-2</v>
      </c>
      <c r="G57" s="217">
        <v>0.58399999999999996</v>
      </c>
      <c r="H57" s="94">
        <v>9.6307317627330011E-2</v>
      </c>
      <c r="I57" s="217">
        <v>4.1000000000000002E-2</v>
      </c>
      <c r="J57" s="94">
        <v>4.5800867328116994E-2</v>
      </c>
      <c r="K57" s="213">
        <v>100</v>
      </c>
      <c r="L57" s="217">
        <v>7.6999999999999999E-2</v>
      </c>
      <c r="M57" s="94">
        <v>5.7032406901335403E-2</v>
      </c>
      <c r="N57" s="217">
        <v>0.106</v>
      </c>
      <c r="O57" s="94">
        <v>6.3993867409300159E-2</v>
      </c>
      <c r="P57" s="217">
        <v>0.76100000000000001</v>
      </c>
      <c r="Q57" s="94">
        <v>8.4811625249276767E-2</v>
      </c>
      <c r="R57" s="217">
        <v>5.6000000000000001E-2</v>
      </c>
      <c r="S57" s="94">
        <v>5.1041719885468559E-2</v>
      </c>
      <c r="T57" s="213">
        <v>99</v>
      </c>
      <c r="U57" s="217">
        <v>0.41399999999999998</v>
      </c>
      <c r="V57" s="94">
        <v>9.7177106317248629E-2</v>
      </c>
      <c r="W57" s="217">
        <v>0.28799999999999998</v>
      </c>
      <c r="X57" s="94">
        <v>8.9979288591555087E-2</v>
      </c>
      <c r="Y57" s="217">
        <v>0.246</v>
      </c>
      <c r="Z57" s="94">
        <v>8.5988857130463225E-2</v>
      </c>
      <c r="AA57" s="217">
        <v>5.2999999999999999E-2</v>
      </c>
      <c r="AB57" s="94">
        <v>5.0399877869113457E-2</v>
      </c>
      <c r="AC57" s="213">
        <v>99</v>
      </c>
      <c r="AD57" s="217">
        <v>0.24199999999999999</v>
      </c>
      <c r="AE57" s="94">
        <v>8.5560545914125707E-2</v>
      </c>
      <c r="AF57" s="217">
        <v>0.45999999999999996</v>
      </c>
      <c r="AG57" s="94">
        <v>9.8241204808860214E-2</v>
      </c>
      <c r="AH57" s="217">
        <v>0.246</v>
      </c>
      <c r="AI57" s="94">
        <v>8.5988857130463225E-2</v>
      </c>
      <c r="AJ57" s="217">
        <v>5.2999999999999999E-2</v>
      </c>
      <c r="AK57" s="94">
        <v>5.0399877869113457E-2</v>
      </c>
    </row>
    <row r="58" spans="1:37">
      <c r="A58" s="49" t="s">
        <v>459</v>
      </c>
      <c r="B58" s="214">
        <v>369</v>
      </c>
      <c r="C58" s="218">
        <v>0.10199999999999999</v>
      </c>
      <c r="D58" s="97">
        <v>3.1913957409114228E-2</v>
      </c>
      <c r="E58" s="218">
        <v>0.20499999999999999</v>
      </c>
      <c r="F58" s="97">
        <v>4.2043189839451225E-2</v>
      </c>
      <c r="G58" s="218">
        <v>0.56499999999999995</v>
      </c>
      <c r="H58" s="97">
        <v>5.1348061170534018E-2</v>
      </c>
      <c r="I58" s="218">
        <v>0.128</v>
      </c>
      <c r="J58" s="97">
        <v>3.5051567851270539E-2</v>
      </c>
      <c r="K58" s="214">
        <v>369</v>
      </c>
      <c r="L58" s="218">
        <v>8.7999999999999995E-2</v>
      </c>
      <c r="M58" s="97">
        <v>2.9991437781286982E-2</v>
      </c>
      <c r="N58" s="218">
        <v>0.14899999999999999</v>
      </c>
      <c r="O58" s="97">
        <v>3.7255326903559087E-2</v>
      </c>
      <c r="P58" s="218">
        <v>0.72199999999999998</v>
      </c>
      <c r="Q58" s="97">
        <v>4.6515858147721648E-2</v>
      </c>
      <c r="R58" s="218">
        <v>4.1000000000000002E-2</v>
      </c>
      <c r="S58" s="97">
        <v>2.1675995490245951E-2</v>
      </c>
      <c r="T58" s="214">
        <v>369</v>
      </c>
      <c r="U58" s="218">
        <v>0.372</v>
      </c>
      <c r="V58" s="97">
        <v>5.0090054589042511E-2</v>
      </c>
      <c r="W58" s="218">
        <v>0.20799999999999999</v>
      </c>
      <c r="X58" s="97">
        <v>4.2262414365046665E-2</v>
      </c>
      <c r="Y58" s="218">
        <v>0.33099999999999996</v>
      </c>
      <c r="Z58" s="97">
        <v>4.8797692976687644E-2</v>
      </c>
      <c r="AA58" s="218">
        <v>8.7999999999999995E-2</v>
      </c>
      <c r="AB58" s="97">
        <v>2.9991437781286982E-2</v>
      </c>
      <c r="AC58" s="214">
        <v>369</v>
      </c>
      <c r="AD58" s="218">
        <v>0.186</v>
      </c>
      <c r="AE58" s="97">
        <v>4.0573280720488374E-2</v>
      </c>
      <c r="AF58" s="218">
        <v>0.39400000000000002</v>
      </c>
      <c r="AG58" s="97">
        <v>5.0626497999017202E-2</v>
      </c>
      <c r="AH58" s="218">
        <v>0.33099999999999996</v>
      </c>
      <c r="AI58" s="97">
        <v>4.8797692976687644E-2</v>
      </c>
      <c r="AJ58" s="218">
        <v>8.7999999999999995E-2</v>
      </c>
      <c r="AK58" s="97">
        <v>2.9991437781286982E-2</v>
      </c>
    </row>
  </sheetData>
  <mergeCells count="9">
    <mergeCell ref="A3:D3"/>
    <mergeCell ref="AC34:AK34"/>
    <mergeCell ref="A32:AK32"/>
    <mergeCell ref="A33:AK33"/>
    <mergeCell ref="T34:AB34"/>
    <mergeCell ref="A4:D4"/>
    <mergeCell ref="A5:D5"/>
    <mergeCell ref="B34:J34"/>
    <mergeCell ref="K34:S3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election activeCell="A2" sqref="A2"/>
    </sheetView>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235" t="s">
        <v>488</v>
      </c>
      <c r="F1" s="306"/>
      <c r="G1" s="306"/>
      <c r="H1" s="306"/>
      <c r="I1" s="306"/>
      <c r="J1" s="306"/>
      <c r="K1" s="306"/>
      <c r="L1" s="306"/>
      <c r="M1" s="306"/>
      <c r="N1" s="306"/>
    </row>
    <row r="2" spans="1:14" ht="21">
      <c r="A2" s="225"/>
      <c r="B2" s="13"/>
      <c r="C2" s="13"/>
      <c r="D2" s="13"/>
      <c r="E2" s="13"/>
      <c r="F2" s="307"/>
      <c r="G2" s="307"/>
      <c r="H2" s="307"/>
      <c r="I2" s="307"/>
      <c r="J2" s="307"/>
      <c r="K2" s="307"/>
      <c r="L2" s="307"/>
      <c r="M2" s="307"/>
      <c r="N2" s="307"/>
    </row>
    <row r="3" spans="1:14" s="12" customFormat="1" ht="21">
      <c r="A3" s="236" t="s">
        <v>172</v>
      </c>
      <c r="B3" s="11"/>
      <c r="C3" s="11"/>
      <c r="D3" s="11"/>
      <c r="E3" s="11"/>
      <c r="F3" s="20"/>
      <c r="G3" s="20"/>
      <c r="H3" s="20"/>
      <c r="I3" s="20"/>
      <c r="J3" s="20"/>
      <c r="K3" s="20"/>
      <c r="L3" s="20"/>
      <c r="M3" s="20"/>
      <c r="N3" s="20"/>
    </row>
    <row r="4" spans="1:14" s="12" customFormat="1" ht="31.5">
      <c r="A4" s="237" t="s">
        <v>486</v>
      </c>
      <c r="B4" s="11"/>
      <c r="C4" s="11"/>
      <c r="D4" s="11"/>
      <c r="E4" s="11"/>
      <c r="F4" s="20"/>
      <c r="G4" s="20"/>
      <c r="H4" s="20"/>
      <c r="I4" s="20"/>
      <c r="J4" s="20"/>
      <c r="K4" s="20"/>
      <c r="L4" s="20"/>
      <c r="M4" s="20"/>
      <c r="N4" s="20"/>
    </row>
    <row r="5" spans="1:14" ht="18.75" customHeight="1">
      <c r="A5" s="225"/>
      <c r="B5" s="13"/>
      <c r="C5" s="13"/>
      <c r="D5" s="13"/>
      <c r="E5" s="13"/>
      <c r="F5" s="20"/>
      <c r="G5" s="20"/>
      <c r="H5" s="20"/>
      <c r="I5" s="20"/>
      <c r="J5" s="20"/>
      <c r="K5" s="20"/>
      <c r="L5" s="20"/>
      <c r="M5" s="20"/>
      <c r="N5" s="20"/>
    </row>
    <row r="6" spans="1:14">
      <c r="A6" s="238" t="s">
        <v>173</v>
      </c>
      <c r="B6" s="13"/>
      <c r="C6" s="13"/>
      <c r="D6" s="13"/>
      <c r="E6" s="13"/>
    </row>
    <row r="7" spans="1:14" ht="51" customHeight="1">
      <c r="A7" s="239" t="s">
        <v>246</v>
      </c>
      <c r="B7" s="13"/>
      <c r="C7" s="13"/>
      <c r="D7" s="13"/>
      <c r="E7" s="13"/>
      <c r="F7" s="13"/>
      <c r="G7" s="13"/>
    </row>
    <row r="8" spans="1:14">
      <c r="A8" s="219"/>
      <c r="B8" s="13"/>
      <c r="C8" s="13"/>
      <c r="D8" s="13"/>
      <c r="E8" s="13"/>
      <c r="F8" s="13"/>
      <c r="G8" s="13"/>
    </row>
    <row r="9" spans="1:14">
      <c r="A9" s="236" t="s">
        <v>174</v>
      </c>
      <c r="B9" s="13"/>
      <c r="C9" s="13"/>
      <c r="D9" s="13"/>
      <c r="E9" s="13"/>
      <c r="F9" s="13"/>
      <c r="G9" s="13"/>
    </row>
    <row r="10" spans="1:14" ht="30">
      <c r="A10" s="237" t="s">
        <v>485</v>
      </c>
      <c r="B10" s="13"/>
      <c r="C10" s="13"/>
      <c r="D10" s="13"/>
      <c r="E10" s="13"/>
      <c r="F10" s="13"/>
      <c r="G10" s="13"/>
    </row>
    <row r="11" spans="1:14">
      <c r="A11" s="225"/>
      <c r="B11" s="14"/>
      <c r="C11" s="14"/>
      <c r="D11" s="14"/>
      <c r="E11" s="14"/>
    </row>
    <row r="12" spans="1:14">
      <c r="A12" s="236" t="s">
        <v>175</v>
      </c>
    </row>
    <row r="13" spans="1:14" ht="135">
      <c r="A13" s="237" t="s">
        <v>487</v>
      </c>
    </row>
    <row r="14" spans="1:14">
      <c r="A14" s="219"/>
    </row>
    <row r="15" spans="1:14">
      <c r="A15" s="238" t="s">
        <v>2</v>
      </c>
    </row>
    <row r="16" spans="1:14" ht="45">
      <c r="A16" s="239" t="s">
        <v>176</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68"/>
  <sheetViews>
    <sheetView workbookViewId="0"/>
  </sheetViews>
  <sheetFormatPr defaultColWidth="8.85546875" defaultRowHeight="15"/>
  <cols>
    <col min="1" max="1" width="135.85546875" style="304" customWidth="1"/>
    <col min="2" max="7" width="8.85546875" style="2"/>
    <col min="8" max="8" width="19.42578125" style="2" customWidth="1"/>
    <col min="9" max="10" width="8.85546875" style="2"/>
    <col min="11" max="11" width="9.140625" style="2" customWidth="1"/>
    <col min="12" max="16384" width="8.85546875" style="2"/>
  </cols>
  <sheetData>
    <row r="1" spans="1:14" ht="23.25">
      <c r="A1" s="235" t="s">
        <v>458</v>
      </c>
      <c r="B1" s="9"/>
      <c r="C1" s="9"/>
      <c r="D1" s="9"/>
      <c r="E1" s="9"/>
      <c r="F1" s="9"/>
      <c r="G1" s="9"/>
      <c r="N1" s="8"/>
    </row>
    <row r="2" spans="1:14" ht="75">
      <c r="A2" s="299" t="s">
        <v>474</v>
      </c>
      <c r="B2" s="6"/>
      <c r="C2" s="6"/>
      <c r="D2" s="6"/>
    </row>
    <row r="3" spans="1:14" s="17" customFormat="1">
      <c r="A3" s="237"/>
      <c r="B3" s="13"/>
      <c r="C3" s="13"/>
      <c r="D3" s="13"/>
    </row>
    <row r="4" spans="1:14" s="18" customFormat="1">
      <c r="A4" s="236" t="s">
        <v>434</v>
      </c>
      <c r="B4" s="13"/>
      <c r="C4" s="13"/>
      <c r="D4" s="13"/>
    </row>
    <row r="5" spans="1:14" s="18" customFormat="1" ht="30">
      <c r="A5" s="237" t="s">
        <v>454</v>
      </c>
      <c r="B5" s="13"/>
      <c r="C5" s="13"/>
      <c r="D5" s="13"/>
    </row>
    <row r="6" spans="1:14" s="18" customFormat="1">
      <c r="A6" s="237"/>
      <c r="B6" s="13"/>
      <c r="C6" s="13"/>
      <c r="D6" s="13"/>
    </row>
    <row r="7" spans="1:14">
      <c r="A7" s="300" t="s">
        <v>435</v>
      </c>
    </row>
    <row r="8" spans="1:14" ht="30">
      <c r="A8" s="301" t="s">
        <v>473</v>
      </c>
    </row>
    <row r="9" spans="1:14" s="17" customFormat="1">
      <c r="A9" s="301"/>
    </row>
    <row r="10" spans="1:14">
      <c r="A10" s="302" t="s">
        <v>436</v>
      </c>
    </row>
    <row r="11" spans="1:14" ht="30">
      <c r="A11" s="301" t="s">
        <v>455</v>
      </c>
    </row>
    <row r="12" spans="1:14">
      <c r="A12" s="301"/>
    </row>
    <row r="13" spans="1:14" s="19" customFormat="1">
      <c r="A13" s="302" t="s">
        <v>456</v>
      </c>
    </row>
    <row r="14" spans="1:14" s="19" customFormat="1" ht="30">
      <c r="A14" s="301" t="s">
        <v>471</v>
      </c>
    </row>
    <row r="15" spans="1:14" s="19" customFormat="1">
      <c r="A15" s="237"/>
    </row>
    <row r="16" spans="1:14" s="19" customFormat="1">
      <c r="A16" s="300" t="s">
        <v>457</v>
      </c>
    </row>
    <row r="17" spans="1:1" s="19" customFormat="1" ht="36.75" customHeight="1">
      <c r="A17" s="301" t="s">
        <v>472</v>
      </c>
    </row>
    <row r="18" spans="1:1">
      <c r="A18" s="303"/>
    </row>
    <row r="19" spans="1:1">
      <c r="A19" s="305" t="s">
        <v>449</v>
      </c>
    </row>
    <row r="20" spans="1:1" ht="45">
      <c r="A20" s="299" t="s">
        <v>461</v>
      </c>
    </row>
    <row r="21" spans="1:1" s="220" customFormat="1">
      <c r="A21" s="219"/>
    </row>
    <row r="22" spans="1:1">
      <c r="A22" s="238" t="s">
        <v>439</v>
      </c>
    </row>
    <row r="23" spans="1:1" ht="30">
      <c r="A23" s="299" t="s">
        <v>460</v>
      </c>
    </row>
    <row r="24" spans="1:1">
      <c r="A24" s="219"/>
    </row>
    <row r="25" spans="1:1">
      <c r="A25" s="238" t="s">
        <v>440</v>
      </c>
    </row>
    <row r="26" spans="1:1" ht="30">
      <c r="A26" s="299" t="s">
        <v>470</v>
      </c>
    </row>
    <row r="27" spans="1:1">
      <c r="A27" s="219"/>
    </row>
    <row r="28" spans="1:1">
      <c r="A28" s="238" t="s">
        <v>475</v>
      </c>
    </row>
    <row r="29" spans="1:1" ht="60">
      <c r="A29" s="299" t="s">
        <v>478</v>
      </c>
    </row>
    <row r="30" spans="1:1">
      <c r="A30" s="224"/>
    </row>
    <row r="31" spans="1:1">
      <c r="A31" s="238" t="s">
        <v>441</v>
      </c>
    </row>
    <row r="32" spans="1:1" ht="45">
      <c r="A32" s="299" t="s">
        <v>481</v>
      </c>
    </row>
    <row r="33" spans="1:1">
      <c r="A33" s="224"/>
    </row>
    <row r="34" spans="1:1">
      <c r="A34" s="238" t="s">
        <v>442</v>
      </c>
    </row>
    <row r="35" spans="1:1" ht="30">
      <c r="A35" s="299" t="s">
        <v>477</v>
      </c>
    </row>
    <row r="36" spans="1:1">
      <c r="A36" s="224"/>
    </row>
    <row r="37" spans="1:1">
      <c r="A37" s="238" t="s">
        <v>462</v>
      </c>
    </row>
    <row r="38" spans="1:1" ht="30">
      <c r="A38" s="299" t="s">
        <v>476</v>
      </c>
    </row>
    <row r="39" spans="1:1">
      <c r="A39" s="224"/>
    </row>
    <row r="40" spans="1:1">
      <c r="A40" s="238" t="s">
        <v>450</v>
      </c>
    </row>
    <row r="41" spans="1:1" ht="45">
      <c r="A41" s="299" t="s">
        <v>463</v>
      </c>
    </row>
    <row r="42" spans="1:1">
      <c r="A42" s="224"/>
    </row>
    <row r="43" spans="1:1">
      <c r="A43" s="238" t="s">
        <v>443</v>
      </c>
    </row>
    <row r="44" spans="1:1" ht="30">
      <c r="A44" s="299" t="s">
        <v>465</v>
      </c>
    </row>
    <row r="45" spans="1:1">
      <c r="A45" s="224"/>
    </row>
    <row r="46" spans="1:1">
      <c r="A46" s="238" t="s">
        <v>444</v>
      </c>
    </row>
    <row r="47" spans="1:1" ht="30">
      <c r="A47" s="299" t="s">
        <v>464</v>
      </c>
    </row>
    <row r="48" spans="1:1">
      <c r="A48" s="219"/>
    </row>
    <row r="49" spans="1:1">
      <c r="A49" s="238" t="s">
        <v>451</v>
      </c>
    </row>
    <row r="50" spans="1:1" ht="45">
      <c r="A50" s="299" t="s">
        <v>479</v>
      </c>
    </row>
    <row r="51" spans="1:1">
      <c r="A51" s="224"/>
    </row>
    <row r="52" spans="1:1" s="220" customFormat="1">
      <c r="A52" s="238" t="s">
        <v>452</v>
      </c>
    </row>
    <row r="53" spans="1:1" s="220" customFormat="1" ht="45">
      <c r="A53" s="299" t="s">
        <v>466</v>
      </c>
    </row>
    <row r="54" spans="1:1" s="220" customFormat="1">
      <c r="A54" s="224"/>
    </row>
    <row r="55" spans="1:1">
      <c r="A55" s="238" t="s">
        <v>480</v>
      </c>
    </row>
    <row r="56" spans="1:1" ht="30">
      <c r="A56" s="299" t="s">
        <v>482</v>
      </c>
    </row>
    <row r="57" spans="1:1">
      <c r="A57" s="299"/>
    </row>
    <row r="58" spans="1:1" s="220" customFormat="1">
      <c r="A58" s="238" t="s">
        <v>483</v>
      </c>
    </row>
    <row r="59" spans="1:1" s="220" customFormat="1" ht="30">
      <c r="A59" s="299" t="s">
        <v>484</v>
      </c>
    </row>
    <row r="60" spans="1:1" s="220" customFormat="1">
      <c r="A60" s="224"/>
    </row>
    <row r="61" spans="1:1" s="220" customFormat="1">
      <c r="A61" s="238" t="s">
        <v>447</v>
      </c>
    </row>
    <row r="62" spans="1:1" s="220" customFormat="1" ht="30">
      <c r="A62" s="299" t="s">
        <v>467</v>
      </c>
    </row>
    <row r="63" spans="1:1" s="220" customFormat="1">
      <c r="A63" s="219"/>
    </row>
    <row r="64" spans="1:1">
      <c r="A64" s="238" t="s">
        <v>453</v>
      </c>
    </row>
    <row r="65" spans="1:1" ht="45">
      <c r="A65" s="299" t="s">
        <v>468</v>
      </c>
    </row>
    <row r="66" spans="1:1">
      <c r="A66" s="224"/>
    </row>
    <row r="67" spans="1:1" s="220" customFormat="1">
      <c r="A67" s="238" t="s">
        <v>459</v>
      </c>
    </row>
    <row r="68" spans="1:1" s="220" customFormat="1" ht="30">
      <c r="A68" s="299" t="s">
        <v>469</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52"/>
  <sheetViews>
    <sheetView zoomScaleNormal="100" workbookViewId="0">
      <selection sqref="A1:D1"/>
    </sheetView>
  </sheetViews>
  <sheetFormatPr defaultColWidth="8.85546875" defaultRowHeight="15"/>
  <cols>
    <col min="1" max="1" width="8.85546875" style="15"/>
    <col min="2" max="2" width="35.7109375" style="220" customWidth="1"/>
    <col min="3" max="3" width="36.140625" style="220" customWidth="1"/>
    <col min="4" max="4" width="21.140625" style="220" customWidth="1"/>
    <col min="5" max="5" width="8.85546875" style="220"/>
    <col min="6" max="6" width="23.42578125" style="220" customWidth="1"/>
    <col min="7" max="16384" width="8.85546875" style="220"/>
  </cols>
  <sheetData>
    <row r="1" spans="1:9" ht="21">
      <c r="A1" s="310" t="s">
        <v>0</v>
      </c>
      <c r="B1" s="310"/>
      <c r="C1" s="310"/>
      <c r="D1" s="310"/>
      <c r="E1" s="222"/>
      <c r="F1" s="222"/>
      <c r="G1" s="222"/>
      <c r="H1" s="222"/>
      <c r="I1" s="222"/>
    </row>
    <row r="2" spans="1:9" ht="21">
      <c r="A2" s="223"/>
      <c r="B2" s="223"/>
      <c r="C2" s="223"/>
      <c r="D2" s="223"/>
      <c r="E2" s="222"/>
      <c r="F2" s="222"/>
      <c r="G2" s="222"/>
      <c r="H2" s="222"/>
      <c r="I2" s="222"/>
    </row>
    <row r="3" spans="1:9" ht="21">
      <c r="A3" s="223" t="s">
        <v>5</v>
      </c>
      <c r="B3" s="223"/>
      <c r="C3" s="223"/>
      <c r="D3" s="223"/>
      <c r="E3" s="222"/>
      <c r="F3" s="222"/>
      <c r="G3" s="222"/>
      <c r="H3" s="222"/>
      <c r="I3" s="222"/>
    </row>
    <row r="4" spans="1:9" ht="21">
      <c r="A4" s="22"/>
      <c r="B4" s="222"/>
      <c r="C4" s="222"/>
      <c r="D4" s="222"/>
      <c r="E4" s="23"/>
      <c r="F4" s="222"/>
      <c r="G4" s="222"/>
      <c r="H4" s="222"/>
      <c r="I4" s="222"/>
    </row>
    <row r="5" spans="1:9" ht="18.75">
      <c r="A5" s="264" t="s">
        <v>63</v>
      </c>
      <c r="B5" s="24"/>
      <c r="C5" s="24"/>
      <c r="D5" s="222"/>
      <c r="E5" s="222"/>
      <c r="F5" s="222"/>
      <c r="G5" s="222"/>
      <c r="H5" s="222"/>
      <c r="I5" s="222"/>
    </row>
    <row r="6" spans="1:9" ht="18.75">
      <c r="A6" s="32"/>
      <c r="B6" s="24"/>
      <c r="C6" s="24"/>
      <c r="D6" s="222"/>
      <c r="E6" s="222"/>
      <c r="F6" s="222"/>
      <c r="G6" s="222"/>
      <c r="H6" s="222"/>
      <c r="I6" s="222"/>
    </row>
    <row r="7" spans="1:9" ht="18.75">
      <c r="A7" s="25">
        <v>1</v>
      </c>
      <c r="B7" s="232" t="s">
        <v>6</v>
      </c>
      <c r="C7" s="222"/>
      <c r="D7" s="222"/>
      <c r="E7" s="27"/>
      <c r="F7" s="27"/>
      <c r="G7" s="222"/>
      <c r="H7" s="222"/>
      <c r="I7" s="222"/>
    </row>
    <row r="8" spans="1:9">
      <c r="A8" s="25"/>
      <c r="B8" s="309" t="s">
        <v>8</v>
      </c>
      <c r="C8" s="309"/>
      <c r="D8" s="309"/>
      <c r="E8" s="309"/>
      <c r="F8" s="309"/>
      <c r="G8" s="222"/>
      <c r="H8" s="222"/>
      <c r="I8" s="222"/>
    </row>
    <row r="9" spans="1:9" ht="18.75">
      <c r="A9" s="32"/>
      <c r="B9" s="24"/>
      <c r="C9" s="24"/>
      <c r="D9" s="222"/>
      <c r="E9" s="222"/>
      <c r="F9" s="222"/>
      <c r="G9" s="222"/>
      <c r="H9" s="222"/>
      <c r="I9" s="222"/>
    </row>
    <row r="10" spans="1:9" ht="18.75">
      <c r="A10" s="25">
        <v>1</v>
      </c>
      <c r="B10" s="26" t="s">
        <v>7</v>
      </c>
      <c r="C10" s="222"/>
      <c r="D10" s="222"/>
      <c r="E10" s="27"/>
      <c r="F10" s="27"/>
      <c r="G10" s="222"/>
      <c r="H10" s="222"/>
      <c r="I10" s="222"/>
    </row>
    <row r="11" spans="1:9">
      <c r="A11" s="25"/>
      <c r="B11" s="309" t="s">
        <v>9</v>
      </c>
      <c r="C11" s="309"/>
      <c r="D11" s="309"/>
      <c r="E11" s="28"/>
      <c r="F11" s="28"/>
      <c r="G11" s="222"/>
      <c r="H11" s="222"/>
      <c r="I11" s="222"/>
    </row>
    <row r="12" spans="1:9" ht="18.75">
      <c r="A12" s="32"/>
      <c r="B12" s="24"/>
      <c r="C12" s="24"/>
      <c r="D12" s="222"/>
      <c r="E12" s="222"/>
      <c r="F12" s="222"/>
      <c r="G12" s="222"/>
      <c r="H12" s="222"/>
      <c r="I12" s="222"/>
    </row>
    <row r="13" spans="1:9" ht="18.75">
      <c r="A13" s="25">
        <v>1</v>
      </c>
      <c r="B13" s="26" t="s">
        <v>56</v>
      </c>
      <c r="C13" s="24"/>
      <c r="D13" s="222"/>
      <c r="E13" s="222"/>
      <c r="F13" s="222"/>
      <c r="G13" s="222"/>
      <c r="H13" s="222"/>
      <c r="I13" s="222"/>
    </row>
    <row r="14" spans="1:9" ht="18.75">
      <c r="A14" s="32"/>
      <c r="B14" s="222" t="s">
        <v>57</v>
      </c>
      <c r="C14" s="24"/>
      <c r="D14" s="222"/>
      <c r="E14" s="222"/>
      <c r="F14" s="222"/>
      <c r="G14" s="222"/>
      <c r="H14" s="222"/>
      <c r="I14" s="222"/>
    </row>
    <row r="15" spans="1:9" ht="18.75">
      <c r="A15" s="32"/>
      <c r="B15" s="222"/>
      <c r="C15" s="24"/>
      <c r="D15" s="222"/>
      <c r="E15" s="222"/>
      <c r="F15" s="222"/>
      <c r="G15" s="222"/>
      <c r="H15" s="222"/>
      <c r="I15" s="222"/>
    </row>
    <row r="16" spans="1:9" ht="18.75">
      <c r="A16" s="25">
        <v>1</v>
      </c>
      <c r="B16" s="26" t="s">
        <v>247</v>
      </c>
      <c r="C16" s="24"/>
      <c r="D16" s="222"/>
      <c r="E16" s="222"/>
      <c r="F16" s="222"/>
      <c r="G16" s="222"/>
      <c r="H16" s="222"/>
      <c r="I16" s="222"/>
    </row>
    <row r="17" spans="1:9" ht="18.75">
      <c r="A17" s="32"/>
      <c r="B17" s="222" t="s">
        <v>58</v>
      </c>
      <c r="C17" s="24"/>
      <c r="D17" s="222"/>
      <c r="E17" s="222"/>
      <c r="F17" s="222"/>
      <c r="G17" s="222"/>
      <c r="H17" s="222"/>
      <c r="I17" s="222"/>
    </row>
    <row r="18" spans="1:9" ht="18.75">
      <c r="A18" s="32"/>
      <c r="B18" s="222"/>
      <c r="C18" s="24"/>
      <c r="D18" s="222"/>
      <c r="E18" s="222"/>
      <c r="F18" s="222"/>
      <c r="G18" s="222"/>
      <c r="H18" s="222"/>
      <c r="I18" s="222"/>
    </row>
    <row r="19" spans="1:9" ht="18.75">
      <c r="A19" s="231" t="s">
        <v>64</v>
      </c>
      <c r="B19" s="222"/>
      <c r="C19" s="24"/>
      <c r="D19" s="222"/>
      <c r="E19" s="222"/>
      <c r="F19" s="222"/>
      <c r="G19" s="222"/>
      <c r="H19" s="222"/>
      <c r="I19" s="222"/>
    </row>
    <row r="20" spans="1:9" ht="18.75">
      <c r="A20" s="32"/>
      <c r="B20" s="222"/>
      <c r="C20" s="24"/>
      <c r="D20" s="222"/>
      <c r="E20" s="222"/>
      <c r="F20" s="222"/>
      <c r="G20" s="222"/>
      <c r="H20" s="222"/>
      <c r="I20" s="222"/>
    </row>
    <row r="21" spans="1:9" s="16" customFormat="1" ht="18.75">
      <c r="A21" s="25">
        <v>2</v>
      </c>
      <c r="B21" s="26" t="s">
        <v>59</v>
      </c>
      <c r="C21" s="222"/>
      <c r="D21" s="222"/>
      <c r="E21" s="27"/>
      <c r="F21" s="27"/>
      <c r="G21" s="27"/>
      <c r="H21" s="27"/>
      <c r="I21" s="27"/>
    </row>
    <row r="22" spans="1:9">
      <c r="A22" s="25"/>
      <c r="B22" s="308" t="s">
        <v>60</v>
      </c>
      <c r="C22" s="309"/>
      <c r="D22" s="309"/>
      <c r="E22" s="309"/>
      <c r="F22" s="309"/>
      <c r="G22" s="309"/>
      <c r="H22" s="222"/>
      <c r="I22" s="222"/>
    </row>
    <row r="23" spans="1:9">
      <c r="A23" s="25"/>
      <c r="B23" s="222"/>
      <c r="C23" s="222"/>
      <c r="D23" s="222"/>
      <c r="E23" s="222"/>
      <c r="F23" s="222"/>
      <c r="G23" s="222"/>
      <c r="H23" s="222"/>
      <c r="I23" s="222"/>
    </row>
    <row r="24" spans="1:9">
      <c r="A24" s="25">
        <v>2</v>
      </c>
      <c r="B24" s="26" t="s">
        <v>417</v>
      </c>
      <c r="C24" s="222"/>
      <c r="D24" s="222"/>
      <c r="E24" s="222"/>
      <c r="F24" s="222"/>
      <c r="G24" s="222"/>
      <c r="H24" s="222"/>
      <c r="I24" s="222"/>
    </row>
    <row r="25" spans="1:9">
      <c r="A25" s="25"/>
      <c r="B25" s="222" t="s">
        <v>61</v>
      </c>
      <c r="C25" s="222"/>
      <c r="D25" s="222"/>
      <c r="E25" s="222"/>
      <c r="F25" s="222"/>
      <c r="G25" s="222"/>
      <c r="H25" s="222"/>
      <c r="I25" s="222"/>
    </row>
    <row r="26" spans="1:9">
      <c r="A26" s="25"/>
      <c r="B26" s="222"/>
      <c r="C26" s="222"/>
      <c r="D26" s="222"/>
      <c r="E26" s="222"/>
      <c r="F26" s="222"/>
      <c r="G26" s="222"/>
      <c r="H26" s="222"/>
      <c r="I26" s="222"/>
    </row>
    <row r="27" spans="1:9">
      <c r="A27" s="25">
        <v>2</v>
      </c>
      <c r="B27" s="26" t="s">
        <v>253</v>
      </c>
      <c r="C27" s="222"/>
      <c r="D27" s="222"/>
      <c r="E27" s="222"/>
      <c r="F27" s="222"/>
      <c r="G27" s="222"/>
      <c r="H27" s="222"/>
      <c r="I27" s="222"/>
    </row>
    <row r="28" spans="1:9">
      <c r="A28" s="25"/>
      <c r="B28" s="222" t="s">
        <v>62</v>
      </c>
      <c r="C28" s="222"/>
      <c r="D28" s="222"/>
      <c r="E28" s="222"/>
      <c r="F28" s="222"/>
      <c r="G28" s="222"/>
      <c r="H28" s="222"/>
      <c r="I28" s="222"/>
    </row>
    <row r="29" spans="1:9">
      <c r="A29" s="25"/>
      <c r="B29" s="222"/>
      <c r="C29" s="222"/>
      <c r="D29" s="222"/>
      <c r="E29" s="222"/>
      <c r="F29" s="222"/>
      <c r="G29" s="222"/>
      <c r="H29" s="222"/>
      <c r="I29" s="222"/>
    </row>
    <row r="30" spans="1:9" s="16" customFormat="1" ht="18.75">
      <c r="A30" s="311" t="s">
        <v>18</v>
      </c>
      <c r="B30" s="311"/>
      <c r="C30" s="311"/>
      <c r="D30" s="27"/>
      <c r="E30" s="27"/>
      <c r="F30" s="27"/>
      <c r="G30" s="27"/>
      <c r="H30" s="27"/>
      <c r="I30" s="27"/>
    </row>
    <row r="31" spans="1:9" s="16" customFormat="1" ht="18.75">
      <c r="A31" s="32"/>
      <c r="B31" s="32"/>
      <c r="C31" s="32"/>
      <c r="D31" s="27"/>
      <c r="E31" s="27"/>
      <c r="F31" s="27"/>
      <c r="G31" s="27"/>
      <c r="H31" s="27"/>
      <c r="I31" s="27"/>
    </row>
    <row r="32" spans="1:9" s="16" customFormat="1" ht="18.75">
      <c r="A32" s="231" t="s">
        <v>42</v>
      </c>
      <c r="B32" s="32"/>
      <c r="C32" s="32"/>
      <c r="D32" s="27"/>
      <c r="E32" s="27"/>
      <c r="F32" s="27"/>
      <c r="G32" s="27"/>
      <c r="H32" s="27"/>
      <c r="I32" s="27"/>
    </row>
    <row r="33" spans="1:9" s="16" customFormat="1" ht="18.75">
      <c r="A33" s="32"/>
      <c r="B33" s="32"/>
      <c r="C33" s="32"/>
      <c r="D33" s="27"/>
      <c r="E33" s="27"/>
      <c r="F33" s="27"/>
      <c r="G33" s="27"/>
      <c r="H33" s="27"/>
      <c r="I33" s="27"/>
    </row>
    <row r="34" spans="1:9">
      <c r="A34" s="25">
        <v>3</v>
      </c>
      <c r="B34" s="233" t="s">
        <v>1</v>
      </c>
      <c r="C34" s="222"/>
      <c r="D34" s="222"/>
      <c r="E34" s="222"/>
      <c r="F34" s="222"/>
      <c r="G34" s="222"/>
      <c r="H34" s="222"/>
      <c r="I34" s="222"/>
    </row>
    <row r="35" spans="1:9">
      <c r="A35" s="22"/>
      <c r="B35" s="308" t="s">
        <v>20</v>
      </c>
      <c r="C35" s="309"/>
      <c r="D35" s="309"/>
      <c r="E35" s="309"/>
      <c r="F35" s="26"/>
      <c r="G35" s="222"/>
      <c r="H35" s="222"/>
      <c r="I35" s="222"/>
    </row>
    <row r="36" spans="1:9">
      <c r="A36" s="22"/>
      <c r="B36" s="221"/>
      <c r="C36" s="222"/>
      <c r="D36" s="222"/>
      <c r="E36" s="222"/>
      <c r="F36" s="26"/>
      <c r="G36" s="222"/>
      <c r="H36" s="222"/>
      <c r="I36" s="222"/>
    </row>
    <row r="37" spans="1:9">
      <c r="A37" s="22">
        <v>3</v>
      </c>
      <c r="B37" s="30" t="s">
        <v>35</v>
      </c>
      <c r="C37" s="222"/>
      <c r="D37" s="222"/>
      <c r="E37" s="222"/>
      <c r="F37" s="26"/>
      <c r="G37" s="222"/>
      <c r="H37" s="222"/>
      <c r="I37" s="222"/>
    </row>
    <row r="38" spans="1:9">
      <c r="A38" s="22"/>
      <c r="B38" s="280" t="s">
        <v>65</v>
      </c>
      <c r="C38" s="222"/>
      <c r="D38" s="222"/>
      <c r="E38" s="222"/>
      <c r="F38" s="26"/>
      <c r="G38" s="222"/>
      <c r="H38" s="222"/>
      <c r="I38" s="222"/>
    </row>
    <row r="39" spans="1:9">
      <c r="A39" s="22"/>
      <c r="B39" s="221"/>
      <c r="C39" s="222"/>
      <c r="D39" s="222"/>
      <c r="E39" s="222"/>
      <c r="F39" s="26"/>
      <c r="G39" s="222"/>
      <c r="H39" s="222"/>
      <c r="I39" s="222"/>
    </row>
    <row r="40" spans="1:9">
      <c r="A40" s="22">
        <v>3</v>
      </c>
      <c r="B40" s="30" t="s">
        <v>36</v>
      </c>
      <c r="C40" s="222"/>
      <c r="D40" s="222"/>
      <c r="E40" s="222"/>
      <c r="F40" s="26"/>
      <c r="G40" s="222"/>
      <c r="H40" s="222"/>
      <c r="I40" s="222"/>
    </row>
    <row r="41" spans="1:9">
      <c r="A41" s="22"/>
      <c r="B41" s="221" t="s">
        <v>66</v>
      </c>
      <c r="C41" s="222"/>
      <c r="D41" s="222"/>
      <c r="E41" s="222"/>
      <c r="F41" s="26"/>
      <c r="G41" s="222"/>
      <c r="H41" s="222"/>
      <c r="I41" s="222"/>
    </row>
    <row r="42" spans="1:9">
      <c r="A42" s="22"/>
      <c r="B42" s="221"/>
      <c r="C42" s="222"/>
      <c r="D42" s="222"/>
      <c r="E42" s="222"/>
      <c r="F42" s="26"/>
      <c r="G42" s="222"/>
      <c r="H42" s="222"/>
      <c r="I42" s="222"/>
    </row>
    <row r="43" spans="1:9">
      <c r="A43" s="25">
        <v>3</v>
      </c>
      <c r="B43" s="30" t="s">
        <v>10</v>
      </c>
      <c r="C43" s="222"/>
      <c r="D43" s="222"/>
      <c r="E43" s="222"/>
      <c r="F43" s="222"/>
      <c r="G43" s="222"/>
      <c r="H43" s="222"/>
      <c r="I43" s="222"/>
    </row>
    <row r="44" spans="1:9">
      <c r="A44" s="22"/>
      <c r="B44" s="308" t="s">
        <v>21</v>
      </c>
      <c r="C44" s="309"/>
      <c r="D44" s="222"/>
      <c r="E44" s="222"/>
      <c r="F44" s="222"/>
      <c r="G44" s="222"/>
      <c r="H44" s="222"/>
      <c r="I44" s="222"/>
    </row>
    <row r="45" spans="1:9">
      <c r="A45" s="22"/>
      <c r="B45" s="221"/>
      <c r="C45" s="222"/>
      <c r="D45" s="222"/>
      <c r="E45" s="222"/>
      <c r="F45" s="222"/>
      <c r="G45" s="222"/>
      <c r="H45" s="222"/>
      <c r="I45" s="222"/>
    </row>
    <row r="46" spans="1:9">
      <c r="A46" s="22">
        <v>3</v>
      </c>
      <c r="B46" s="30" t="s">
        <v>37</v>
      </c>
      <c r="C46" s="222"/>
      <c r="D46" s="222"/>
      <c r="E46" s="222"/>
      <c r="F46" s="222"/>
      <c r="G46" s="222"/>
      <c r="H46" s="222"/>
      <c r="I46" s="222"/>
    </row>
    <row r="47" spans="1:9">
      <c r="A47" s="22"/>
      <c r="B47" s="221" t="s">
        <v>67</v>
      </c>
      <c r="C47" s="222"/>
      <c r="D47" s="222"/>
      <c r="E47" s="222"/>
      <c r="F47" s="222"/>
      <c r="G47" s="222"/>
      <c r="H47" s="222"/>
      <c r="I47" s="222"/>
    </row>
    <row r="48" spans="1:9" ht="21">
      <c r="A48" s="29"/>
      <c r="B48" s="222"/>
      <c r="C48" s="222"/>
      <c r="D48" s="222"/>
      <c r="E48" s="222"/>
      <c r="F48" s="222"/>
      <c r="G48" s="222"/>
      <c r="H48" s="222"/>
      <c r="I48" s="222"/>
    </row>
    <row r="49" spans="1:9" s="16" customFormat="1" ht="18.75">
      <c r="A49" s="231" t="s">
        <v>41</v>
      </c>
      <c r="B49" s="32"/>
      <c r="C49" s="32"/>
      <c r="D49" s="27"/>
      <c r="E49" s="27"/>
      <c r="F49" s="27"/>
      <c r="G49" s="27"/>
      <c r="H49" s="27"/>
      <c r="I49" s="27"/>
    </row>
    <row r="50" spans="1:9" s="16" customFormat="1" ht="18.75">
      <c r="A50" s="32"/>
      <c r="B50" s="32"/>
      <c r="C50" s="32"/>
      <c r="D50" s="27"/>
      <c r="E50" s="27"/>
      <c r="F50" s="27"/>
      <c r="G50" s="27"/>
      <c r="H50" s="27"/>
      <c r="I50" s="27"/>
    </row>
    <row r="51" spans="1:9">
      <c r="A51" s="25">
        <v>4</v>
      </c>
      <c r="B51" s="232" t="s">
        <v>3</v>
      </c>
      <c r="C51" s="222"/>
      <c r="D51" s="222"/>
      <c r="E51" s="222"/>
      <c r="F51" s="222"/>
      <c r="G51" s="222"/>
      <c r="H51" s="222"/>
      <c r="I51" s="222"/>
    </row>
    <row r="52" spans="1:9">
      <c r="A52" s="22"/>
      <c r="B52" s="308" t="s">
        <v>19</v>
      </c>
      <c r="C52" s="309"/>
      <c r="D52" s="309"/>
      <c r="E52" s="222"/>
      <c r="F52" s="222"/>
      <c r="G52" s="222"/>
      <c r="H52" s="222"/>
      <c r="I52" s="222"/>
    </row>
    <row r="53" spans="1:9">
      <c r="A53" s="22"/>
      <c r="B53" s="308" t="s">
        <v>31</v>
      </c>
      <c r="C53" s="309"/>
      <c r="D53" s="309"/>
      <c r="E53" s="222"/>
      <c r="F53" s="222"/>
      <c r="G53" s="222"/>
      <c r="H53" s="222"/>
      <c r="I53" s="222"/>
    </row>
    <row r="54" spans="1:9" ht="21">
      <c r="A54" s="29"/>
      <c r="B54" s="222"/>
      <c r="C54" s="222"/>
      <c r="D54" s="222"/>
      <c r="E54" s="222"/>
      <c r="F54" s="222"/>
      <c r="G54" s="222"/>
      <c r="H54" s="222"/>
      <c r="I54" s="222"/>
    </row>
    <row r="55" spans="1:9">
      <c r="A55" s="25">
        <v>4</v>
      </c>
      <c r="B55" s="26" t="s">
        <v>293</v>
      </c>
      <c r="C55" s="281"/>
      <c r="D55" s="281"/>
      <c r="E55" s="281"/>
      <c r="F55" s="281"/>
      <c r="G55" s="281"/>
      <c r="H55" s="281"/>
      <c r="I55" s="281"/>
    </row>
    <row r="56" spans="1:9" ht="16.5" customHeight="1">
      <c r="A56" s="29"/>
      <c r="B56" s="280" t="s">
        <v>294</v>
      </c>
      <c r="C56" s="281"/>
      <c r="D56" s="281"/>
      <c r="E56" s="281"/>
      <c r="F56" s="281"/>
      <c r="G56" s="281"/>
      <c r="H56" s="281"/>
      <c r="I56" s="281"/>
    </row>
    <row r="57" spans="1:9" ht="17.25" customHeight="1">
      <c r="A57" s="29"/>
      <c r="B57" s="280" t="s">
        <v>399</v>
      </c>
      <c r="C57" s="281"/>
      <c r="D57" s="281"/>
      <c r="E57" s="281"/>
      <c r="F57" s="281"/>
      <c r="G57" s="281"/>
      <c r="H57" s="281"/>
      <c r="I57" s="281"/>
    </row>
    <row r="58" spans="1:9" ht="21">
      <c r="A58" s="29"/>
      <c r="B58" s="281"/>
      <c r="C58" s="281"/>
      <c r="D58" s="281"/>
      <c r="E58" s="281"/>
      <c r="F58" s="281"/>
      <c r="G58" s="281"/>
      <c r="H58" s="281"/>
      <c r="I58" s="281"/>
    </row>
    <row r="59" spans="1:9">
      <c r="A59" s="25">
        <v>4</v>
      </c>
      <c r="B59" s="26" t="s">
        <v>295</v>
      </c>
      <c r="C59" s="281"/>
      <c r="D59" s="281"/>
      <c r="E59" s="281"/>
      <c r="F59" s="281"/>
      <c r="G59" s="281"/>
      <c r="H59" s="281"/>
      <c r="I59" s="281"/>
    </row>
    <row r="60" spans="1:9" ht="21">
      <c r="A60" s="29"/>
      <c r="B60" s="280" t="s">
        <v>418</v>
      </c>
      <c r="C60" s="281"/>
      <c r="D60" s="281"/>
      <c r="E60" s="281"/>
      <c r="F60" s="281"/>
      <c r="G60" s="281"/>
      <c r="H60" s="281"/>
      <c r="I60" s="281"/>
    </row>
    <row r="61" spans="1:9" ht="21">
      <c r="A61" s="29"/>
      <c r="B61" s="281"/>
      <c r="C61" s="281"/>
      <c r="D61" s="281"/>
      <c r="E61" s="281"/>
      <c r="F61" s="281"/>
      <c r="G61" s="281"/>
      <c r="H61" s="281"/>
      <c r="I61" s="281"/>
    </row>
    <row r="62" spans="1:9">
      <c r="A62" s="25">
        <v>4</v>
      </c>
      <c r="B62" s="30" t="s">
        <v>230</v>
      </c>
      <c r="C62" s="222"/>
      <c r="D62" s="222"/>
      <c r="E62" s="222"/>
      <c r="F62" s="222"/>
      <c r="G62" s="222"/>
      <c r="H62" s="222"/>
      <c r="I62" s="222"/>
    </row>
    <row r="63" spans="1:9">
      <c r="A63" s="22"/>
      <c r="B63" s="308" t="s">
        <v>239</v>
      </c>
      <c r="C63" s="309"/>
      <c r="D63" s="222"/>
      <c r="E63" s="222"/>
      <c r="F63" s="222"/>
      <c r="G63" s="222"/>
      <c r="H63" s="222"/>
      <c r="I63" s="222"/>
    </row>
    <row r="64" spans="1:9">
      <c r="A64" s="22"/>
      <c r="B64" s="308" t="s">
        <v>240</v>
      </c>
      <c r="C64" s="309"/>
      <c r="D64" s="309"/>
      <c r="E64" s="309"/>
      <c r="F64" s="222"/>
      <c r="G64" s="222"/>
      <c r="H64" s="222"/>
      <c r="I64" s="222"/>
    </row>
    <row r="65" spans="1:9" ht="21">
      <c r="A65" s="29"/>
      <c r="B65" s="222"/>
      <c r="C65" s="222"/>
      <c r="D65" s="222"/>
      <c r="E65" s="222"/>
      <c r="F65" s="222"/>
      <c r="G65" s="222"/>
      <c r="H65" s="222"/>
      <c r="I65" s="222"/>
    </row>
    <row r="66" spans="1:9">
      <c r="A66" s="25">
        <v>4</v>
      </c>
      <c r="B66" s="30" t="s">
        <v>38</v>
      </c>
      <c r="C66" s="222"/>
      <c r="D66" s="222"/>
      <c r="E66" s="222"/>
      <c r="F66" s="222"/>
      <c r="G66" s="222"/>
      <c r="H66" s="222"/>
      <c r="I66" s="222"/>
    </row>
    <row r="67" spans="1:9">
      <c r="A67" s="22"/>
      <c r="B67" s="308" t="s">
        <v>68</v>
      </c>
      <c r="C67" s="309"/>
      <c r="D67" s="309"/>
      <c r="E67" s="309"/>
      <c r="F67" s="26"/>
      <c r="G67" s="222"/>
      <c r="H67" s="222"/>
      <c r="I67" s="222"/>
    </row>
    <row r="68" spans="1:9">
      <c r="A68" s="22"/>
      <c r="B68" s="308"/>
      <c r="C68" s="309"/>
      <c r="D68" s="309"/>
      <c r="E68" s="309"/>
      <c r="F68" s="222"/>
      <c r="G68" s="26"/>
      <c r="H68" s="222"/>
      <c r="I68" s="222"/>
    </row>
    <row r="69" spans="1:9">
      <c r="A69" s="22">
        <v>4</v>
      </c>
      <c r="B69" s="30" t="s">
        <v>39</v>
      </c>
      <c r="C69" s="222"/>
      <c r="D69" s="222"/>
      <c r="E69" s="222"/>
      <c r="F69" s="222"/>
      <c r="G69" s="26"/>
      <c r="H69" s="222"/>
      <c r="I69" s="222"/>
    </row>
    <row r="70" spans="1:9">
      <c r="A70" s="22"/>
      <c r="B70" s="221" t="s">
        <v>69</v>
      </c>
      <c r="C70" s="222"/>
      <c r="D70" s="222"/>
      <c r="E70" s="222"/>
      <c r="F70" s="222"/>
      <c r="G70" s="26"/>
      <c r="H70" s="222"/>
      <c r="I70" s="222"/>
    </row>
    <row r="71" spans="1:9">
      <c r="A71" s="22"/>
      <c r="B71" s="221"/>
      <c r="C71" s="222"/>
      <c r="D71" s="222"/>
      <c r="E71" s="222"/>
      <c r="F71" s="222"/>
      <c r="G71" s="26"/>
      <c r="H71" s="222"/>
      <c r="I71" s="222"/>
    </row>
    <row r="72" spans="1:9">
      <c r="A72" s="25">
        <v>4</v>
      </c>
      <c r="B72" s="30" t="s">
        <v>4</v>
      </c>
      <c r="C72" s="222"/>
      <c r="D72" s="222"/>
      <c r="E72" s="222"/>
      <c r="F72" s="222"/>
      <c r="G72" s="222"/>
      <c r="H72" s="222"/>
      <c r="I72" s="222"/>
    </row>
    <row r="73" spans="1:9">
      <c r="A73" s="22"/>
      <c r="B73" s="308" t="s">
        <v>22</v>
      </c>
      <c r="C73" s="309"/>
      <c r="D73" s="309"/>
      <c r="E73" s="222"/>
      <c r="F73" s="222"/>
      <c r="G73" s="222"/>
      <c r="H73" s="222"/>
      <c r="I73" s="222"/>
    </row>
    <row r="74" spans="1:9">
      <c r="A74" s="22"/>
      <c r="B74" s="221"/>
      <c r="C74" s="222"/>
      <c r="D74" s="222"/>
      <c r="E74" s="222"/>
      <c r="F74" s="222"/>
      <c r="G74" s="222"/>
      <c r="H74" s="222"/>
      <c r="I74" s="222"/>
    </row>
    <row r="75" spans="1:9">
      <c r="A75" s="234" t="s">
        <v>70</v>
      </c>
      <c r="B75" s="221"/>
      <c r="C75" s="222"/>
      <c r="D75" s="222"/>
      <c r="E75" s="222"/>
      <c r="F75" s="222"/>
      <c r="G75" s="222"/>
      <c r="H75" s="222"/>
      <c r="I75" s="222"/>
    </row>
    <row r="76" spans="1:9">
      <c r="A76" s="22"/>
      <c r="B76" s="221"/>
      <c r="C76" s="222"/>
      <c r="D76" s="222"/>
      <c r="E76" s="222"/>
      <c r="F76" s="222"/>
      <c r="G76" s="222"/>
      <c r="H76" s="222"/>
      <c r="I76" s="222"/>
    </row>
    <row r="77" spans="1:9">
      <c r="A77" s="25">
        <v>5</v>
      </c>
      <c r="B77" s="233" t="s">
        <v>11</v>
      </c>
      <c r="C77" s="222"/>
      <c r="D77" s="222"/>
      <c r="E77" s="222"/>
      <c r="F77" s="222"/>
      <c r="G77" s="222"/>
      <c r="H77" s="222"/>
      <c r="I77" s="222"/>
    </row>
    <row r="78" spans="1:9">
      <c r="A78" s="22"/>
      <c r="B78" s="308" t="s">
        <v>23</v>
      </c>
      <c r="C78" s="309"/>
      <c r="D78" s="309"/>
      <c r="E78" s="222"/>
      <c r="F78" s="222"/>
      <c r="G78" s="222"/>
      <c r="H78" s="222"/>
      <c r="I78" s="222"/>
    </row>
    <row r="79" spans="1:9">
      <c r="A79" s="22"/>
      <c r="B79" s="221"/>
      <c r="C79" s="222"/>
      <c r="D79" s="222"/>
      <c r="E79" s="222"/>
      <c r="F79" s="222"/>
      <c r="G79" s="222"/>
      <c r="H79" s="222"/>
      <c r="I79" s="222"/>
    </row>
    <row r="80" spans="1:9">
      <c r="A80" s="22">
        <v>5</v>
      </c>
      <c r="B80" s="30" t="s">
        <v>43</v>
      </c>
      <c r="C80" s="222"/>
      <c r="D80" s="222"/>
      <c r="E80" s="222"/>
      <c r="F80" s="222"/>
      <c r="G80" s="222"/>
      <c r="H80" s="222"/>
      <c r="I80" s="222"/>
    </row>
    <row r="81" spans="1:9">
      <c r="A81" s="22"/>
      <c r="B81" s="221" t="s">
        <v>71</v>
      </c>
      <c r="C81" s="222"/>
      <c r="D81" s="222"/>
      <c r="E81" s="222"/>
      <c r="F81" s="222"/>
      <c r="G81" s="222"/>
      <c r="H81" s="222"/>
      <c r="I81" s="222"/>
    </row>
    <row r="82" spans="1:9">
      <c r="A82" s="22"/>
      <c r="B82" s="222"/>
      <c r="C82" s="222"/>
      <c r="D82" s="222"/>
      <c r="E82" s="222"/>
      <c r="F82" s="222"/>
      <c r="G82" s="222"/>
      <c r="H82" s="222"/>
      <c r="I82" s="222"/>
    </row>
    <row r="83" spans="1:9">
      <c r="A83" s="25">
        <v>5</v>
      </c>
      <c r="B83" s="30" t="s">
        <v>262</v>
      </c>
      <c r="C83" s="222"/>
      <c r="D83" s="222"/>
      <c r="E83" s="222"/>
      <c r="F83" s="222"/>
      <c r="G83" s="222"/>
      <c r="H83" s="222"/>
      <c r="I83" s="222"/>
    </row>
    <row r="84" spans="1:9">
      <c r="A84" s="22"/>
      <c r="B84" s="308" t="s">
        <v>72</v>
      </c>
      <c r="C84" s="309"/>
      <c r="D84" s="309"/>
      <c r="E84" s="222"/>
      <c r="F84" s="222"/>
      <c r="G84" s="222"/>
      <c r="H84" s="222"/>
      <c r="I84" s="222"/>
    </row>
    <row r="85" spans="1:9">
      <c r="A85" s="22"/>
      <c r="B85" s="308"/>
      <c r="C85" s="309"/>
      <c r="D85" s="309"/>
      <c r="E85" s="222"/>
      <c r="F85" s="222"/>
      <c r="G85" s="222"/>
      <c r="H85" s="222"/>
      <c r="I85" s="222"/>
    </row>
    <row r="86" spans="1:9">
      <c r="A86" s="22">
        <v>5</v>
      </c>
      <c r="B86" s="30" t="s">
        <v>44</v>
      </c>
      <c r="C86" s="222"/>
      <c r="D86" s="222"/>
      <c r="E86" s="222"/>
      <c r="F86" s="222"/>
      <c r="G86" s="222"/>
      <c r="H86" s="222"/>
      <c r="I86" s="222"/>
    </row>
    <row r="87" spans="1:9">
      <c r="A87" s="22"/>
      <c r="B87" s="308" t="s">
        <v>72</v>
      </c>
      <c r="C87" s="309"/>
      <c r="D87" s="309"/>
      <c r="E87" s="222"/>
      <c r="F87" s="222"/>
      <c r="G87" s="222"/>
      <c r="H87" s="222"/>
      <c r="I87" s="222"/>
    </row>
    <row r="88" spans="1:9">
      <c r="A88" s="22"/>
      <c r="B88" s="221"/>
      <c r="C88" s="222"/>
      <c r="D88" s="222"/>
      <c r="E88" s="222"/>
      <c r="F88" s="222"/>
      <c r="G88" s="222"/>
      <c r="H88" s="222"/>
      <c r="I88" s="222"/>
    </row>
    <row r="89" spans="1:9">
      <c r="A89" s="234" t="s">
        <v>45</v>
      </c>
      <c r="B89" s="221"/>
      <c r="C89" s="222"/>
      <c r="D89" s="222"/>
      <c r="E89" s="222"/>
      <c r="F89" s="222"/>
      <c r="G89" s="222"/>
      <c r="H89" s="222"/>
      <c r="I89" s="222"/>
    </row>
    <row r="90" spans="1:9">
      <c r="A90" s="22"/>
      <c r="B90" s="221"/>
      <c r="C90" s="222"/>
      <c r="D90" s="222"/>
      <c r="E90" s="222"/>
      <c r="F90" s="222"/>
      <c r="G90" s="222"/>
      <c r="H90" s="222"/>
      <c r="I90" s="222"/>
    </row>
    <row r="91" spans="1:9">
      <c r="A91" s="25">
        <v>6</v>
      </c>
      <c r="B91" s="233" t="s">
        <v>12</v>
      </c>
      <c r="C91" s="222"/>
      <c r="D91" s="222"/>
      <c r="E91" s="222"/>
      <c r="F91" s="222"/>
      <c r="G91" s="222"/>
      <c r="H91" s="222"/>
      <c r="I91" s="222"/>
    </row>
    <row r="92" spans="1:9">
      <c r="A92" s="22"/>
      <c r="B92" s="308" t="s">
        <v>24</v>
      </c>
      <c r="C92" s="309"/>
      <c r="D92" s="309"/>
      <c r="E92" s="222"/>
      <c r="F92" s="222"/>
      <c r="G92" s="222"/>
      <c r="H92" s="222"/>
      <c r="I92" s="222"/>
    </row>
    <row r="93" spans="1:9">
      <c r="A93" s="22"/>
      <c r="B93" s="308"/>
      <c r="C93" s="309"/>
      <c r="D93" s="309"/>
      <c r="E93" s="222"/>
      <c r="F93" s="222"/>
      <c r="G93" s="222"/>
      <c r="H93" s="222"/>
      <c r="I93" s="222"/>
    </row>
    <row r="94" spans="1:9">
      <c r="A94" s="22">
        <v>6</v>
      </c>
      <c r="B94" s="30" t="s">
        <v>46</v>
      </c>
      <c r="C94" s="222"/>
      <c r="D94" s="222"/>
      <c r="E94" s="222"/>
      <c r="F94" s="222"/>
      <c r="G94" s="222"/>
      <c r="H94" s="222"/>
      <c r="I94" s="222"/>
    </row>
    <row r="95" spans="1:9">
      <c r="A95" s="22"/>
      <c r="B95" s="221" t="s">
        <v>73</v>
      </c>
      <c r="C95" s="222"/>
      <c r="D95" s="222"/>
      <c r="E95" s="222"/>
      <c r="F95" s="222"/>
      <c r="G95" s="222"/>
      <c r="H95" s="222"/>
      <c r="I95" s="222"/>
    </row>
    <row r="96" spans="1:9">
      <c r="A96" s="22"/>
      <c r="B96" s="222"/>
      <c r="C96" s="222"/>
      <c r="D96" s="222"/>
      <c r="E96" s="222"/>
      <c r="F96" s="222"/>
      <c r="G96" s="222"/>
      <c r="H96" s="222"/>
      <c r="I96" s="222"/>
    </row>
    <row r="97" spans="1:9">
      <c r="A97" s="25">
        <v>6</v>
      </c>
      <c r="B97" s="30" t="s">
        <v>264</v>
      </c>
      <c r="C97" s="222"/>
      <c r="D97" s="222"/>
      <c r="E97" s="222"/>
      <c r="F97" s="222"/>
      <c r="G97" s="222"/>
      <c r="H97" s="222"/>
      <c r="I97" s="222"/>
    </row>
    <row r="98" spans="1:9">
      <c r="A98" s="22"/>
      <c r="B98" s="308" t="s">
        <v>25</v>
      </c>
      <c r="C98" s="309"/>
      <c r="D98" s="309"/>
      <c r="E98" s="222"/>
      <c r="F98" s="222"/>
      <c r="G98" s="222"/>
      <c r="H98" s="222"/>
      <c r="I98" s="222"/>
    </row>
    <row r="99" spans="1:9">
      <c r="A99" s="22"/>
      <c r="B99" s="308"/>
      <c r="C99" s="309"/>
      <c r="D99" s="309"/>
      <c r="E99" s="222"/>
      <c r="F99" s="222"/>
      <c r="G99" s="222"/>
      <c r="H99" s="222"/>
      <c r="I99" s="222"/>
    </row>
    <row r="100" spans="1:9">
      <c r="A100" s="22">
        <v>6</v>
      </c>
      <c r="B100" s="30" t="s">
        <v>47</v>
      </c>
      <c r="C100" s="222"/>
      <c r="D100" s="222"/>
      <c r="E100" s="222"/>
      <c r="F100" s="222"/>
      <c r="G100" s="222"/>
      <c r="H100" s="222"/>
      <c r="I100" s="222"/>
    </row>
    <row r="101" spans="1:9">
      <c r="A101" s="22"/>
      <c r="B101" s="221" t="s">
        <v>74</v>
      </c>
      <c r="C101" s="222"/>
      <c r="D101" s="222"/>
      <c r="E101" s="222"/>
      <c r="F101" s="222"/>
      <c r="G101" s="222"/>
      <c r="H101" s="222"/>
      <c r="I101" s="222"/>
    </row>
    <row r="102" spans="1:9">
      <c r="A102" s="22"/>
      <c r="B102" s="221"/>
      <c r="C102" s="222"/>
      <c r="D102" s="222"/>
      <c r="E102" s="222"/>
      <c r="F102" s="222"/>
      <c r="G102" s="222"/>
      <c r="H102" s="222"/>
      <c r="I102" s="222"/>
    </row>
    <row r="103" spans="1:9">
      <c r="A103" s="22">
        <v>6</v>
      </c>
      <c r="B103" s="30" t="s">
        <v>266</v>
      </c>
      <c r="C103" s="281"/>
      <c r="D103" s="281"/>
      <c r="E103" s="281"/>
      <c r="F103" s="281"/>
      <c r="G103" s="281"/>
      <c r="H103" s="281"/>
      <c r="I103" s="281"/>
    </row>
    <row r="104" spans="1:9">
      <c r="A104" s="22"/>
      <c r="B104" s="280" t="s">
        <v>74</v>
      </c>
      <c r="C104" s="281"/>
      <c r="D104" s="281"/>
      <c r="E104" s="281"/>
      <c r="F104" s="281"/>
      <c r="G104" s="281"/>
      <c r="H104" s="281"/>
      <c r="I104" s="281"/>
    </row>
    <row r="105" spans="1:9">
      <c r="A105" s="22"/>
      <c r="B105" s="280"/>
      <c r="C105" s="281"/>
      <c r="D105" s="281"/>
      <c r="E105" s="281"/>
      <c r="F105" s="281"/>
      <c r="G105" s="281"/>
      <c r="H105" s="281"/>
      <c r="I105" s="281"/>
    </row>
    <row r="106" spans="1:9">
      <c r="A106" s="22">
        <v>6</v>
      </c>
      <c r="B106" s="26" t="s">
        <v>30</v>
      </c>
      <c r="C106" s="222"/>
      <c r="D106" s="222"/>
      <c r="E106" s="222"/>
      <c r="F106" s="222"/>
      <c r="G106" s="222"/>
      <c r="H106" s="222"/>
      <c r="I106" s="222"/>
    </row>
    <row r="107" spans="1:9">
      <c r="A107" s="25"/>
      <c r="B107" s="222" t="s">
        <v>75</v>
      </c>
      <c r="C107" s="222"/>
      <c r="D107" s="222"/>
      <c r="E107" s="222"/>
      <c r="F107" s="222"/>
      <c r="G107" s="222"/>
      <c r="H107" s="222"/>
      <c r="I107" s="222"/>
    </row>
    <row r="108" spans="1:9">
      <c r="A108" s="22"/>
      <c r="B108" s="308"/>
      <c r="C108" s="309"/>
      <c r="D108" s="309"/>
      <c r="E108" s="222"/>
      <c r="F108" s="222"/>
      <c r="G108" s="222"/>
      <c r="H108" s="222"/>
      <c r="I108" s="222"/>
    </row>
    <row r="109" spans="1:9">
      <c r="A109" s="22">
        <v>6</v>
      </c>
      <c r="B109" s="30" t="s">
        <v>13</v>
      </c>
      <c r="C109" s="222"/>
      <c r="D109" s="222"/>
      <c r="E109" s="222"/>
      <c r="F109" s="222"/>
      <c r="G109" s="222"/>
      <c r="H109" s="222"/>
      <c r="I109" s="222"/>
    </row>
    <row r="110" spans="1:9">
      <c r="A110" s="31"/>
      <c r="B110" s="308" t="s">
        <v>14</v>
      </c>
      <c r="C110" s="309"/>
      <c r="D110" s="309"/>
      <c r="E110" s="222"/>
      <c r="F110" s="222"/>
      <c r="G110" s="222"/>
      <c r="H110" s="222"/>
      <c r="I110" s="222"/>
    </row>
    <row r="111" spans="1:9">
      <c r="A111" s="31"/>
      <c r="B111" s="221"/>
      <c r="C111" s="222"/>
      <c r="D111" s="222"/>
      <c r="E111" s="222"/>
      <c r="F111" s="222"/>
      <c r="G111" s="222"/>
      <c r="H111" s="222"/>
      <c r="I111" s="222"/>
    </row>
    <row r="112" spans="1:9">
      <c r="A112" s="234" t="s">
        <v>48</v>
      </c>
      <c r="B112" s="34"/>
      <c r="C112" s="35"/>
      <c r="D112" s="35"/>
      <c r="E112" s="222"/>
      <c r="F112" s="222"/>
      <c r="G112" s="222"/>
      <c r="H112" s="222"/>
      <c r="I112" s="222"/>
    </row>
    <row r="113" spans="1:9">
      <c r="A113" s="31"/>
      <c r="B113" s="30"/>
      <c r="C113" s="222"/>
      <c r="D113" s="222"/>
      <c r="E113" s="222"/>
      <c r="F113" s="222"/>
      <c r="G113" s="222"/>
      <c r="H113" s="222"/>
      <c r="I113" s="222"/>
    </row>
    <row r="114" spans="1:9">
      <c r="A114" s="25">
        <v>7</v>
      </c>
      <c r="B114" s="233" t="s">
        <v>272</v>
      </c>
      <c r="C114" s="222"/>
      <c r="D114" s="222"/>
      <c r="E114" s="222"/>
      <c r="F114" s="222"/>
      <c r="G114" s="222"/>
      <c r="H114" s="222"/>
      <c r="I114" s="222"/>
    </row>
    <row r="115" spans="1:9">
      <c r="A115" s="31"/>
      <c r="B115" s="308" t="s">
        <v>419</v>
      </c>
      <c r="C115" s="309"/>
      <c r="D115" s="309"/>
      <c r="E115" s="222"/>
      <c r="F115" s="222"/>
      <c r="G115" s="222"/>
      <c r="H115" s="222"/>
      <c r="I115" s="222"/>
    </row>
    <row r="116" spans="1:9">
      <c r="A116" s="31"/>
      <c r="B116" s="308"/>
      <c r="C116" s="309"/>
      <c r="D116" s="309"/>
      <c r="E116" s="222"/>
      <c r="F116" s="222"/>
      <c r="G116" s="222"/>
      <c r="H116" s="222"/>
      <c r="I116" s="222"/>
    </row>
    <row r="117" spans="1:9">
      <c r="A117" s="25">
        <v>7</v>
      </c>
      <c r="B117" s="30" t="s">
        <v>49</v>
      </c>
      <c r="C117" s="222"/>
      <c r="D117" s="222"/>
      <c r="E117" s="222"/>
      <c r="F117" s="222"/>
      <c r="G117" s="222"/>
      <c r="H117" s="222"/>
      <c r="I117" s="222"/>
    </row>
    <row r="118" spans="1:9">
      <c r="A118" s="31"/>
      <c r="B118" s="221" t="s">
        <v>76</v>
      </c>
      <c r="C118" s="222"/>
      <c r="D118" s="222"/>
      <c r="E118" s="222"/>
      <c r="F118" s="222"/>
      <c r="G118" s="222"/>
      <c r="H118" s="222"/>
      <c r="I118" s="222"/>
    </row>
    <row r="119" spans="1:9">
      <c r="A119" s="31"/>
      <c r="B119" s="221"/>
      <c r="C119" s="222"/>
      <c r="D119" s="222"/>
      <c r="E119" s="222"/>
      <c r="F119" s="222"/>
      <c r="G119" s="222"/>
      <c r="H119" s="222"/>
      <c r="I119" s="222"/>
    </row>
    <row r="120" spans="1:9">
      <c r="A120" s="25">
        <v>7</v>
      </c>
      <c r="B120" s="30" t="s">
        <v>50</v>
      </c>
      <c r="C120" s="222"/>
      <c r="D120" s="222"/>
      <c r="E120" s="222"/>
      <c r="F120" s="222"/>
      <c r="G120" s="222"/>
      <c r="H120" s="222"/>
      <c r="I120" s="222"/>
    </row>
    <row r="121" spans="1:9">
      <c r="A121" s="31"/>
      <c r="B121" s="221" t="s">
        <v>77</v>
      </c>
      <c r="C121" s="222"/>
      <c r="D121" s="222"/>
      <c r="E121" s="222"/>
      <c r="F121" s="222"/>
      <c r="G121" s="222"/>
      <c r="H121" s="222"/>
      <c r="I121" s="222"/>
    </row>
    <row r="122" spans="1:9">
      <c r="A122" s="25"/>
      <c r="B122" s="221"/>
      <c r="C122" s="222"/>
      <c r="D122" s="222"/>
      <c r="E122" s="222"/>
      <c r="F122" s="222"/>
      <c r="G122" s="222"/>
      <c r="H122" s="222"/>
      <c r="I122" s="222"/>
    </row>
    <row r="123" spans="1:9">
      <c r="A123" s="25">
        <v>7</v>
      </c>
      <c r="B123" s="30" t="s">
        <v>275</v>
      </c>
      <c r="C123" s="222"/>
      <c r="D123" s="222"/>
      <c r="E123" s="222"/>
      <c r="F123" s="222"/>
      <c r="G123" s="222"/>
      <c r="H123" s="222"/>
      <c r="I123" s="222"/>
    </row>
    <row r="124" spans="1:9">
      <c r="A124" s="25"/>
      <c r="B124" s="280" t="s">
        <v>420</v>
      </c>
      <c r="C124" s="222"/>
      <c r="D124" s="222"/>
      <c r="E124" s="222"/>
      <c r="F124" s="222"/>
      <c r="G124" s="222"/>
      <c r="H124" s="222"/>
      <c r="I124" s="222"/>
    </row>
    <row r="125" spans="1:9">
      <c r="A125" s="25"/>
      <c r="B125" s="221"/>
      <c r="C125" s="222"/>
      <c r="D125" s="222"/>
      <c r="E125" s="222"/>
      <c r="F125" s="222"/>
      <c r="G125" s="222"/>
      <c r="H125" s="222"/>
      <c r="I125" s="222"/>
    </row>
    <row r="126" spans="1:9">
      <c r="A126" s="25">
        <v>7</v>
      </c>
      <c r="B126" s="30" t="s">
        <v>15</v>
      </c>
      <c r="C126" s="222"/>
      <c r="D126" s="222"/>
      <c r="E126" s="222"/>
      <c r="F126" s="222"/>
      <c r="G126" s="222"/>
      <c r="H126" s="222"/>
      <c r="I126" s="222"/>
    </row>
    <row r="127" spans="1:9">
      <c r="A127" s="31"/>
      <c r="B127" s="308" t="s">
        <v>26</v>
      </c>
      <c r="C127" s="309"/>
      <c r="D127" s="309"/>
      <c r="E127" s="222"/>
      <c r="F127" s="222"/>
      <c r="G127" s="222"/>
      <c r="H127" s="222"/>
      <c r="I127" s="222"/>
    </row>
    <row r="128" spans="1:9">
      <c r="A128" s="25"/>
      <c r="B128" s="221"/>
      <c r="C128" s="222"/>
      <c r="D128" s="222"/>
      <c r="E128" s="222"/>
      <c r="F128" s="222"/>
      <c r="G128" s="222"/>
      <c r="H128" s="222"/>
      <c r="I128" s="222"/>
    </row>
    <row r="129" spans="1:9">
      <c r="A129" s="25">
        <v>7</v>
      </c>
      <c r="B129" s="30" t="s">
        <v>78</v>
      </c>
      <c r="C129" s="222"/>
      <c r="D129" s="222"/>
      <c r="E129" s="222"/>
      <c r="F129" s="222"/>
      <c r="G129" s="222"/>
      <c r="H129" s="222"/>
      <c r="I129" s="222"/>
    </row>
    <row r="130" spans="1:9">
      <c r="A130" s="31"/>
      <c r="B130" s="221" t="s">
        <v>79</v>
      </c>
      <c r="C130" s="222"/>
      <c r="D130" s="222"/>
      <c r="E130" s="222"/>
      <c r="F130" s="222"/>
      <c r="G130" s="222"/>
      <c r="H130" s="222"/>
      <c r="I130" s="222"/>
    </row>
    <row r="131" spans="1:9">
      <c r="A131" s="31"/>
      <c r="B131" s="221"/>
      <c r="C131" s="222"/>
      <c r="D131" s="222"/>
      <c r="E131" s="222"/>
      <c r="F131" s="222"/>
      <c r="G131" s="222"/>
      <c r="H131" s="222"/>
      <c r="I131" s="222"/>
    </row>
    <row r="132" spans="1:9">
      <c r="A132" s="25">
        <v>7</v>
      </c>
      <c r="B132" s="264" t="s">
        <v>51</v>
      </c>
      <c r="C132" s="25"/>
      <c r="D132" s="25"/>
      <c r="E132" s="222"/>
      <c r="F132" s="222"/>
      <c r="G132" s="222"/>
      <c r="H132" s="222"/>
      <c r="I132" s="222"/>
    </row>
    <row r="133" spans="1:9">
      <c r="A133" s="25"/>
      <c r="B133" s="25" t="s">
        <v>27</v>
      </c>
      <c r="C133" s="25"/>
      <c r="D133" s="25"/>
      <c r="E133" s="222"/>
      <c r="F133" s="222"/>
      <c r="G133" s="222"/>
      <c r="H133" s="222"/>
      <c r="I133" s="222"/>
    </row>
    <row r="134" spans="1:9">
      <c r="A134" s="25"/>
      <c r="B134" s="25"/>
      <c r="C134" s="25"/>
      <c r="D134" s="25"/>
      <c r="E134" s="222"/>
      <c r="F134" s="222"/>
      <c r="G134" s="222"/>
      <c r="H134" s="222"/>
      <c r="I134" s="222"/>
    </row>
    <row r="135" spans="1:9">
      <c r="A135" s="25">
        <v>7</v>
      </c>
      <c r="B135" s="264" t="s">
        <v>52</v>
      </c>
      <c r="C135" s="25"/>
      <c r="D135" s="25"/>
      <c r="E135" s="222"/>
      <c r="F135" s="222"/>
      <c r="G135" s="222"/>
      <c r="H135" s="222"/>
      <c r="I135" s="222"/>
    </row>
    <row r="136" spans="1:9">
      <c r="A136" s="25"/>
      <c r="B136" s="25" t="s">
        <v>80</v>
      </c>
      <c r="C136" s="25"/>
      <c r="D136" s="25"/>
      <c r="E136" s="222"/>
      <c r="F136" s="222"/>
      <c r="G136" s="222"/>
      <c r="H136" s="222"/>
      <c r="I136" s="222"/>
    </row>
    <row r="137" spans="1:9">
      <c r="A137" s="31"/>
      <c r="B137" s="221"/>
      <c r="C137" s="222"/>
      <c r="D137" s="222"/>
      <c r="E137" s="222"/>
      <c r="F137" s="222"/>
      <c r="G137" s="222"/>
      <c r="H137" s="222"/>
      <c r="I137" s="222"/>
    </row>
    <row r="138" spans="1:9">
      <c r="A138" s="25">
        <v>7</v>
      </c>
      <c r="B138" s="264" t="s">
        <v>16</v>
      </c>
      <c r="C138" s="222"/>
      <c r="D138" s="222"/>
      <c r="E138" s="222"/>
      <c r="F138" s="222"/>
      <c r="G138" s="222"/>
      <c r="H138" s="222"/>
      <c r="I138" s="222"/>
    </row>
    <row r="139" spans="1:9">
      <c r="A139" s="31"/>
      <c r="B139" s="308" t="s">
        <v>28</v>
      </c>
      <c r="C139" s="309"/>
      <c r="D139" s="309"/>
      <c r="E139" s="222"/>
      <c r="F139" s="222"/>
      <c r="G139" s="222"/>
      <c r="H139" s="222"/>
      <c r="I139" s="222"/>
    </row>
    <row r="140" spans="1:9">
      <c r="A140" s="31"/>
      <c r="B140" s="221"/>
      <c r="C140" s="222"/>
      <c r="D140" s="222"/>
      <c r="E140" s="222"/>
      <c r="F140" s="222"/>
      <c r="G140" s="222"/>
      <c r="H140" s="222"/>
      <c r="I140" s="222"/>
    </row>
    <row r="141" spans="1:9">
      <c r="A141" s="25">
        <v>7</v>
      </c>
      <c r="B141" s="30" t="s">
        <v>53</v>
      </c>
      <c r="C141" s="222"/>
      <c r="D141" s="222"/>
      <c r="E141" s="222"/>
      <c r="F141" s="222"/>
      <c r="G141" s="222"/>
      <c r="H141" s="222"/>
      <c r="I141" s="222"/>
    </row>
    <row r="142" spans="1:9">
      <c r="A142" s="31"/>
      <c r="B142" s="25" t="s">
        <v>81</v>
      </c>
      <c r="C142" s="222"/>
      <c r="D142" s="222"/>
      <c r="E142" s="222"/>
      <c r="F142" s="222"/>
      <c r="G142" s="222"/>
      <c r="H142" s="222"/>
      <c r="I142" s="222"/>
    </row>
    <row r="143" spans="1:9">
      <c r="A143" s="31"/>
      <c r="B143" s="221"/>
      <c r="C143" s="222"/>
      <c r="D143" s="222"/>
      <c r="E143" s="222"/>
      <c r="F143" s="222"/>
      <c r="G143" s="222"/>
      <c r="H143" s="222"/>
      <c r="I143" s="222"/>
    </row>
    <row r="144" spans="1:9">
      <c r="A144" s="234" t="s">
        <v>54</v>
      </c>
      <c r="B144" s="34"/>
      <c r="C144" s="34"/>
      <c r="D144" s="34"/>
      <c r="E144" s="222"/>
      <c r="F144" s="222"/>
      <c r="G144" s="222"/>
      <c r="H144" s="222"/>
      <c r="I144" s="222"/>
    </row>
    <row r="145" spans="1:9">
      <c r="A145" s="31"/>
      <c r="B145" s="30"/>
      <c r="C145" s="222"/>
      <c r="D145" s="222"/>
      <c r="E145" s="222"/>
      <c r="F145" s="222"/>
      <c r="G145" s="222"/>
      <c r="H145" s="222"/>
      <c r="I145" s="222"/>
    </row>
    <row r="146" spans="1:9">
      <c r="A146" s="25">
        <v>8</v>
      </c>
      <c r="B146" s="233" t="s">
        <v>17</v>
      </c>
      <c r="C146" s="222"/>
      <c r="D146" s="222"/>
      <c r="E146" s="222"/>
      <c r="F146" s="222"/>
      <c r="G146" s="222"/>
      <c r="H146" s="222"/>
      <c r="I146" s="222"/>
    </row>
    <row r="147" spans="1:9">
      <c r="A147" s="31"/>
      <c r="B147" s="308" t="s">
        <v>29</v>
      </c>
      <c r="C147" s="309"/>
      <c r="D147" s="309"/>
      <c r="E147" s="222"/>
      <c r="F147" s="222"/>
      <c r="G147" s="222"/>
      <c r="H147" s="222"/>
      <c r="I147" s="222"/>
    </row>
    <row r="148" spans="1:9">
      <c r="A148" s="31"/>
      <c r="B148" s="308"/>
      <c r="C148" s="309"/>
      <c r="D148" s="309"/>
      <c r="E148" s="222"/>
      <c r="F148" s="222"/>
      <c r="G148" s="222"/>
      <c r="H148" s="222"/>
      <c r="I148" s="222"/>
    </row>
    <row r="149" spans="1:9">
      <c r="A149" s="22">
        <v>8</v>
      </c>
      <c r="B149" s="26" t="s">
        <v>55</v>
      </c>
      <c r="C149" s="222"/>
      <c r="D149" s="222"/>
      <c r="E149" s="222"/>
      <c r="F149" s="222"/>
      <c r="G149" s="222"/>
      <c r="H149" s="222"/>
      <c r="I149" s="222"/>
    </row>
    <row r="150" spans="1:9">
      <c r="A150" s="22"/>
      <c r="B150" s="25" t="s">
        <v>177</v>
      </c>
      <c r="C150" s="222"/>
      <c r="D150" s="222"/>
      <c r="E150" s="222"/>
      <c r="F150" s="222"/>
      <c r="G150" s="222"/>
      <c r="H150" s="222"/>
      <c r="I150" s="222"/>
    </row>
    <row r="151" spans="1:9">
      <c r="A151" s="22"/>
      <c r="B151" s="222"/>
      <c r="C151" s="222"/>
      <c r="D151" s="222"/>
      <c r="E151" s="222"/>
      <c r="F151" s="222"/>
      <c r="G151" s="222"/>
      <c r="H151" s="222"/>
      <c r="I151" s="222"/>
    </row>
    <row r="152" spans="1:9">
      <c r="A152" s="22"/>
      <c r="B152" s="222"/>
      <c r="C152" s="222"/>
      <c r="D152" s="222"/>
      <c r="E152" s="222"/>
      <c r="F152" s="222"/>
      <c r="G152" s="222"/>
      <c r="H152" s="222"/>
      <c r="I152" s="222"/>
    </row>
  </sheetData>
  <mergeCells count="30">
    <mergeCell ref="B108:D108"/>
    <mergeCell ref="B73:D73"/>
    <mergeCell ref="B85:D85"/>
    <mergeCell ref="B67:E67"/>
    <mergeCell ref="B93:D93"/>
    <mergeCell ref="B84:D84"/>
    <mergeCell ref="B92:D92"/>
    <mergeCell ref="B68:E68"/>
    <mergeCell ref="B87:D87"/>
    <mergeCell ref="B63:C63"/>
    <mergeCell ref="B98:D98"/>
    <mergeCell ref="B99:D99"/>
    <mergeCell ref="B78:D78"/>
    <mergeCell ref="B64:E64"/>
    <mergeCell ref="A1:D1"/>
    <mergeCell ref="B8:F8"/>
    <mergeCell ref="B52:D52"/>
    <mergeCell ref="B53:D53"/>
    <mergeCell ref="B35:E35"/>
    <mergeCell ref="B11:D11"/>
    <mergeCell ref="B22:G22"/>
    <mergeCell ref="A30:C30"/>
    <mergeCell ref="B44:C44"/>
    <mergeCell ref="B148:D148"/>
    <mergeCell ref="B116:D116"/>
    <mergeCell ref="B110:D110"/>
    <mergeCell ref="B115:D115"/>
    <mergeCell ref="B139:D139"/>
    <mergeCell ref="B147:D147"/>
    <mergeCell ref="B127:D127"/>
  </mergeCells>
  <hyperlinks>
    <hyperlink ref="A34:B34" location="'02'!A29" display="'02'!A29" xr:uid="{00000000-0004-0000-0300-000000000000}"/>
    <hyperlink ref="A43:B43" location="'02'!A42" display="'02'!A42" xr:uid="{00000000-0004-0000-0300-000001000000}"/>
    <hyperlink ref="A66:B66" location="'02'!A55" display="'02'!A55" xr:uid="{00000000-0004-0000-0300-000002000000}"/>
    <hyperlink ref="A72:B72" location="'02'!A68" display="'02'!A68" xr:uid="{00000000-0004-0000-0300-000003000000}"/>
    <hyperlink ref="B7" location="'1 IndividualWellbeing'!A3" display="Global Life Satisfaction" xr:uid="{00000000-0004-0000-0300-000005000000}"/>
    <hyperlink ref="B51" location="'4 HumanCapital'!A3" display="General health" xr:uid="{00000000-0004-0000-0300-000006000000}"/>
    <hyperlink ref="B62" location="'4 HumanCapital'!A90" display="K6 psychological distress" xr:uid="{00000000-0004-0000-0300-000007000000}"/>
    <hyperlink ref="B34" location="'3 FinancialCapital'!A3" display="Household financial wellbeing" xr:uid="{00000000-0004-0000-0300-000008000000}"/>
    <hyperlink ref="B43" location="'3 FinancialCapital'!A90" display="Community economic wellbeing" xr:uid="{00000000-0004-0000-0300-000009000000}"/>
    <hyperlink ref="B66" location="'4 HumanCapital'!A119" display="Self-efficacy" xr:uid="{00000000-0004-0000-0300-00000A000000}"/>
    <hyperlink ref="B72" location="'4 HumanCapital'!A177" display="Community leadership and collaboration" xr:uid="{00000000-0004-0000-0300-00000B000000}"/>
    <hyperlink ref="A77:B77" location="'02'!A68" display="'02'!A68" xr:uid="{00000000-0004-0000-0300-00000C000000}"/>
    <hyperlink ref="B77" location="'5 InstitutionalCapital'!A3" display="Having a say and being heard" xr:uid="{00000000-0004-0000-0300-00000D000000}"/>
    <hyperlink ref="A83:B83" location="'02'!A68" display="'02'!A68" xr:uid="{00000000-0004-0000-0300-00000E000000}"/>
    <hyperlink ref="B83" location="'5 InstitutionalCapital'!A61" display="Contributing to local governance" xr:uid="{00000000-0004-0000-0300-00000F000000}"/>
    <hyperlink ref="A91:B91" location="'02'!A68" display="'02'!A68" xr:uid="{00000000-0004-0000-0300-000010000000}"/>
    <hyperlink ref="B91" location="'6 SocialCapital'!A3" display="Spending time with friends and family" xr:uid="{00000000-0004-0000-0300-000011000000}"/>
    <hyperlink ref="A97:B97" location="'02'!A68" display="'02'!A68" xr:uid="{00000000-0004-0000-0300-000012000000}"/>
    <hyperlink ref="B97" location="'6 SocialCapital'!A61" display="Getting involved in the community" xr:uid="{00000000-0004-0000-0300-000013000000}"/>
    <hyperlink ref="B109" location="'6 SocialCapital'!A177" display="Sense of belonging" xr:uid="{00000000-0004-0000-0300-000014000000}"/>
    <hyperlink ref="A114:B114" location="'02'!A68" display="'02'!A68" xr:uid="{00000000-0004-0000-0300-000015000000}"/>
    <hyperlink ref="B114" location="'7 PhysicalCapital'!A3" display="Access to health, education, aged care and child care " xr:uid="{00000000-0004-0000-0300-000016000000}"/>
    <hyperlink ref="B126" location="'7 PhysicalCapital'!A119" display="Access to telecommunications" xr:uid="{00000000-0004-0000-0300-000017000000}"/>
    <hyperlink ref="B132" location="'7 PhysicalCapital'!A177" display="Crime and safety in the local community" xr:uid="{00000000-0004-0000-0300-000018000000}"/>
    <hyperlink ref="B138" location="'7 PhysicalCapital'!A235" display="Landscape and aesthetics" xr:uid="{00000000-0004-0000-0300-000019000000}"/>
    <hyperlink ref="B146" location="'8 NaturalCapital'!A3" display="Perceived environmental health" xr:uid="{00000000-0004-0000-0300-00001A000000}"/>
    <hyperlink ref="B10" location="'1 IndividualWellbeing'!A32" display="Personal Wellbeing Index" xr:uid="{00000000-0004-0000-0300-00001B000000}"/>
    <hyperlink ref="B21" location="'2 CommunityWellbeing'!A3" display="Community wellbeing measures" xr:uid="{00000000-0004-0000-0300-00001C000000}"/>
    <hyperlink ref="B13" location="'1 IndividualWellbeing'!A61" display="Personal wellbeing domains" xr:uid="{00000000-0004-0000-0300-00001D000000}"/>
    <hyperlink ref="B16" location="'1 IndividualWellbeing'!A90" display="Eudaimonic wellbeing" xr:uid="{00000000-0004-0000-0300-00001E000000}"/>
    <hyperlink ref="B24" location="'2 CommunityWellbeing'!A32" display="Changes in community liveability" xr:uid="{00000000-0004-0000-0300-00001F000000}"/>
    <hyperlink ref="B27" location="'2 CommunityWellbeing'!A61" display="Migration" xr:uid="{00000000-0004-0000-0300-000020000000}"/>
    <hyperlink ref="A5" location="'1 IndividualWellbeing'!A1" display="Wellbeing of people" xr:uid="{00000000-0004-0000-0300-000021000000}"/>
    <hyperlink ref="A19" location="'2 CommunityWellbeing'!A1" display="Wellbeing of communities" xr:uid="{00000000-0004-0000-0300-000022000000}"/>
    <hyperlink ref="A32" location="'3 FinancialCapital'!A1" display="Financial capital" xr:uid="{00000000-0004-0000-0300-000023000000}"/>
    <hyperlink ref="A49" location="'4 HumanCapital'!A1" display="Human capital" xr:uid="{00000000-0004-0000-0300-000024000000}"/>
    <hyperlink ref="B37" location="'3 FinancialCapital'!A32" display="Household financial measures" xr:uid="{00000000-0004-0000-0300-000025000000}"/>
    <hyperlink ref="B40" location="'3 FinancialCapital'!A61" display="Financial distress" xr:uid="{00000000-0004-0000-0300-000026000000}"/>
    <hyperlink ref="B46" location="'3 FinancialCapital'!A119" display="Community economic measures" xr:uid="{00000000-0004-0000-0300-000027000000}"/>
    <hyperlink ref="B69" location="'4 HumanCapital'!A148" display="Self-efficacy measures" xr:uid="{00000000-0004-0000-0300-000028000000}"/>
    <hyperlink ref="A75" location="'5 InstitutionalCapital'!A1" display="Institutional Capital" xr:uid="{00000000-0004-0000-0300-00002A000000}"/>
    <hyperlink ref="B80" location="'5 InstitutionalCapital'!A32" display="Having a say and being heard measures" xr:uid="{00000000-0004-0000-0300-00002B000000}"/>
    <hyperlink ref="A89" location="'6 SocialCapital'!A1" display="Social capital" xr:uid="{00000000-0004-0000-0300-00002D000000}"/>
    <hyperlink ref="B94" location="'6 SocialCapital'!A32" display="Spending time with friends and family measures" xr:uid="{00000000-0004-0000-0300-00002E000000}"/>
    <hyperlink ref="B100" location="'6 SocialCapital'!A90" display="Getting involved measures" xr:uid="{00000000-0004-0000-0300-00002F000000}"/>
    <hyperlink ref="B106" location="'6 SocialCapital'!A148" display="Volunteering" xr:uid="{00000000-0004-0000-0300-000030000000}"/>
    <hyperlink ref="A112" location="'7 PhysicalCapital'!A1" display="Physical capital" xr:uid="{00000000-0004-0000-0300-000032000000}"/>
    <hyperlink ref="B117" location="'7 PhysicalCapital'!A32" display="Access to roads and public transport " xr:uid="{00000000-0004-0000-0300-000034000000}"/>
    <hyperlink ref="B120" location="'7 PhysicalCapital'!A61" display="Access to food and retail shops" xr:uid="{00000000-0004-0000-0300-000036000000}"/>
    <hyperlink ref="B123" location="'7 PhysicalCapital'!A90" display="Access to local government services" xr:uid="{00000000-0004-0000-0300-000037000000}"/>
    <hyperlink ref="B129" location="'7 PhysicalCapital'!A148" display="Access to telecommunications measures" xr:uid="{00000000-0004-0000-0300-00003A000000}"/>
    <hyperlink ref="B135" location="'7 PhysicalCapital'!A206" display="Crime and safety in the local community measures" xr:uid="{00000000-0004-0000-0300-00003B000000}"/>
    <hyperlink ref="B141" location="'7 PhysicalCapital'!A264" display="Landscape and aesthetics measures" xr:uid="{00000000-0004-0000-0300-00003C000000}"/>
    <hyperlink ref="A144" location="'8 NaturalCapital'!A1" display="Natural capital" xr:uid="{00000000-0004-0000-0300-00003D000000}"/>
    <hyperlink ref="B149" location="'8 NaturalCapital'!A32" display="Perceived environmental health measures" xr:uid="{00000000-0004-0000-0300-00003E000000}"/>
    <hyperlink ref="B55" location="'4 HumanCapital'!A32" display="Wellbeing - Emotional Affect Index  " xr:uid="{0A2BC5AA-49A5-471A-B57E-08158437E4BE}"/>
    <hyperlink ref="B59" location="'4 HumanCapital'!A61" display="Wellbeing - Emotional Affect individual measures" xr:uid="{117F2F2D-1F22-4748-A68F-D44B59701561}"/>
    <hyperlink ref="B86" location="'5 InstitutionalCapital'!A90" display="Equity and inclusion" xr:uid="{2B553CC1-7F91-4CC8-AD15-4FA43EFFA364}"/>
    <hyperlink ref="B103" location="'6 SocialCapital'!A119" display="Quality of community events" xr:uid="{DB1F4B2B-B0C4-4C2E-9067-83CA6D2D488B}"/>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146"/>
  <sheetViews>
    <sheetView zoomScaleNormal="100" zoomScalePageLayoutView="75" workbookViewId="0"/>
  </sheetViews>
  <sheetFormatPr defaultColWidth="20.28515625" defaultRowHeight="15"/>
  <cols>
    <col min="1" max="1" width="41.85546875" style="1" customWidth="1"/>
    <col min="2" max="4" width="20.28515625" style="1" customWidth="1"/>
    <col min="5" max="6" width="20.28515625" style="5" customWidth="1"/>
    <col min="7" max="16384" width="20.28515625" style="1"/>
  </cols>
  <sheetData>
    <row r="1" spans="1:8" ht="31.5">
      <c r="A1" s="33" t="s">
        <v>63</v>
      </c>
    </row>
    <row r="3" spans="1:8" ht="18.75">
      <c r="A3" s="321" t="s">
        <v>82</v>
      </c>
      <c r="B3" s="321"/>
      <c r="C3" s="321"/>
      <c r="D3" s="321"/>
      <c r="E3" s="321"/>
      <c r="F3" s="321"/>
      <c r="G3" s="321"/>
      <c r="H3" s="321"/>
    </row>
    <row r="4" spans="1:8" ht="63" customHeight="1">
      <c r="A4" s="326" t="s">
        <v>83</v>
      </c>
      <c r="B4" s="326"/>
      <c r="C4" s="326"/>
      <c r="D4" s="326"/>
      <c r="E4" s="326"/>
      <c r="F4" s="326"/>
      <c r="G4" s="326"/>
      <c r="H4" s="326"/>
    </row>
    <row r="5" spans="1:8" ht="40.5" customHeight="1">
      <c r="A5" s="315" t="s">
        <v>84</v>
      </c>
      <c r="B5" s="316"/>
      <c r="C5" s="316"/>
      <c r="D5" s="316"/>
      <c r="E5" s="316"/>
      <c r="F5" s="316"/>
      <c r="G5" s="316"/>
      <c r="H5" s="316"/>
    </row>
    <row r="6" spans="1:8" ht="45" customHeight="1">
      <c r="A6" s="37" t="s">
        <v>85</v>
      </c>
      <c r="B6" s="38" t="s">
        <v>86</v>
      </c>
      <c r="C6" s="39" t="s">
        <v>87</v>
      </c>
      <c r="D6" s="40" t="s">
        <v>88</v>
      </c>
      <c r="E6" s="38" t="s">
        <v>409</v>
      </c>
      <c r="F6" s="40" t="s">
        <v>413</v>
      </c>
      <c r="G6" s="39" t="s">
        <v>411</v>
      </c>
      <c r="H6" s="40" t="s">
        <v>413</v>
      </c>
    </row>
    <row r="7" spans="1:8" ht="60">
      <c r="A7" s="41"/>
      <c r="B7" s="42" t="s">
        <v>89</v>
      </c>
      <c r="C7" s="43" t="s">
        <v>90</v>
      </c>
      <c r="D7" s="44" t="s">
        <v>91</v>
      </c>
      <c r="E7" s="42" t="s">
        <v>410</v>
      </c>
      <c r="F7" s="91" t="s">
        <v>104</v>
      </c>
      <c r="G7" s="128" t="s">
        <v>412</v>
      </c>
      <c r="H7" s="91" t="s">
        <v>104</v>
      </c>
    </row>
    <row r="8" spans="1:8">
      <c r="A8" s="45" t="s">
        <v>434</v>
      </c>
      <c r="B8" s="46">
        <v>10765</v>
      </c>
      <c r="C8" s="47">
        <v>71.107271693621257</v>
      </c>
      <c r="D8" s="48">
        <v>0.37240000000000001</v>
      </c>
      <c r="E8" s="285">
        <v>0.21129637167984341</v>
      </c>
      <c r="F8" s="283">
        <v>7.8691150813056249E-3</v>
      </c>
      <c r="G8" s="285">
        <v>0.44223960828991737</v>
      </c>
      <c r="H8" s="283">
        <v>9.5718777259957942E-3</v>
      </c>
    </row>
    <row r="9" spans="1:8">
      <c r="A9" s="49" t="s">
        <v>435</v>
      </c>
      <c r="B9" s="50">
        <v>8628</v>
      </c>
      <c r="C9" s="51">
        <v>72.033155499690523</v>
      </c>
      <c r="D9" s="52">
        <v>0.41845088882719866</v>
      </c>
      <c r="E9" s="286">
        <v>0.18847712507970982</v>
      </c>
      <c r="F9" s="284">
        <v>8.4213478982355459E-3</v>
      </c>
      <c r="G9" s="286">
        <v>0.47128157181724678</v>
      </c>
      <c r="H9" s="284">
        <v>1.0745519058104679E-2</v>
      </c>
    </row>
    <row r="10" spans="1:8" s="5" customFormat="1">
      <c r="A10" s="45" t="s">
        <v>436</v>
      </c>
      <c r="B10" s="46">
        <v>1973</v>
      </c>
      <c r="C10" s="47">
        <v>68.900000000000006</v>
      </c>
      <c r="D10" s="48">
        <v>0.98</v>
      </c>
      <c r="E10" s="285">
        <v>0.252</v>
      </c>
      <c r="F10" s="283">
        <v>1.9541772765066311E-2</v>
      </c>
      <c r="G10" s="285">
        <v>0.37</v>
      </c>
      <c r="H10" s="283">
        <v>2.1720080486313968E-2</v>
      </c>
    </row>
    <row r="11" spans="1:8" s="5" customFormat="1">
      <c r="A11" s="49" t="s">
        <v>437</v>
      </c>
      <c r="B11" s="50">
        <v>3064</v>
      </c>
      <c r="C11" s="51">
        <v>71.933821751171635</v>
      </c>
      <c r="D11" s="52">
        <v>0.68599999999999994</v>
      </c>
      <c r="E11" s="286">
        <v>0.19843668636295528</v>
      </c>
      <c r="F11" s="284">
        <v>1.4411377607751802E-2</v>
      </c>
      <c r="G11" s="286">
        <v>0.45623784384725891</v>
      </c>
      <c r="H11" s="284">
        <v>1.7984850362471796E-2</v>
      </c>
    </row>
    <row r="12" spans="1:8" s="5" customFormat="1">
      <c r="A12" s="45" t="s">
        <v>438</v>
      </c>
      <c r="B12" s="46">
        <v>2475</v>
      </c>
      <c r="C12" s="47">
        <v>73.670841202506338</v>
      </c>
      <c r="D12" s="48">
        <v>0.78400000000000003</v>
      </c>
      <c r="E12" s="285">
        <v>0.16300000000000001</v>
      </c>
      <c r="F12" s="283">
        <v>1.4856973279945134E-2</v>
      </c>
      <c r="G12" s="285">
        <v>0.503</v>
      </c>
      <c r="H12" s="283">
        <v>2.0084172572737074E-2</v>
      </c>
    </row>
    <row r="13" spans="1:8" s="5" customFormat="1">
      <c r="A13" s="49" t="s">
        <v>449</v>
      </c>
      <c r="B13" s="50">
        <v>293</v>
      </c>
      <c r="C13" s="51">
        <v>73.266375181448311</v>
      </c>
      <c r="D13" s="52">
        <v>2.2147999999999999</v>
      </c>
      <c r="E13" s="286">
        <v>0.18853225802846429</v>
      </c>
      <c r="F13" s="284">
        <v>4.5775527687818979E-2</v>
      </c>
      <c r="G13" s="286">
        <v>0.4821120733346414</v>
      </c>
      <c r="H13" s="284">
        <v>5.7989733559456996E-2</v>
      </c>
    </row>
    <row r="14" spans="1:8" s="5" customFormat="1">
      <c r="A14" s="45" t="s">
        <v>439</v>
      </c>
      <c r="B14" s="46">
        <v>146</v>
      </c>
      <c r="C14" s="47">
        <v>75.521220539144906</v>
      </c>
      <c r="D14" s="48">
        <v>2.8028</v>
      </c>
      <c r="E14" s="285">
        <v>0.15457502680337587</v>
      </c>
      <c r="F14" s="283">
        <v>6.0434071601871628E-2</v>
      </c>
      <c r="G14" s="285">
        <v>0.48418892062025937</v>
      </c>
      <c r="H14" s="283">
        <v>8.1610973904305231E-2</v>
      </c>
    </row>
    <row r="15" spans="1:8" s="5" customFormat="1" ht="27.75" customHeight="1">
      <c r="A15" s="49" t="s">
        <v>440</v>
      </c>
      <c r="B15" s="50">
        <v>92</v>
      </c>
      <c r="C15" s="51">
        <v>67.678818818946098</v>
      </c>
      <c r="D15" s="52">
        <v>4.3512000000000004</v>
      </c>
      <c r="E15" s="286">
        <v>0.25267520085530182</v>
      </c>
      <c r="F15" s="284">
        <v>8.986603678169916E-2</v>
      </c>
      <c r="G15" s="286">
        <v>0.46714360666648108</v>
      </c>
      <c r="H15" s="284">
        <v>0.10185949168117718</v>
      </c>
    </row>
    <row r="16" spans="1:8" s="5" customFormat="1">
      <c r="A16" s="45" t="s">
        <v>475</v>
      </c>
      <c r="B16" s="46">
        <v>262</v>
      </c>
      <c r="C16" s="47">
        <v>71.146293687354344</v>
      </c>
      <c r="D16" s="48">
        <v>2.2343999999999999</v>
      </c>
      <c r="E16" s="285">
        <v>0.20736249181965694</v>
      </c>
      <c r="F16" s="283">
        <v>5.0100570138949523E-2</v>
      </c>
      <c r="G16" s="285">
        <v>0.48115980963714094</v>
      </c>
      <c r="H16" s="283">
        <v>6.1271691538252612E-2</v>
      </c>
    </row>
    <row r="17" spans="1:8" s="5" customFormat="1">
      <c r="A17" s="49" t="s">
        <v>441</v>
      </c>
      <c r="B17" s="50">
        <v>82</v>
      </c>
      <c r="C17" s="51">
        <v>70.852622105711305</v>
      </c>
      <c r="D17" s="52">
        <v>3.8807999999999998</v>
      </c>
      <c r="E17" s="286">
        <v>0.15260491174664143</v>
      </c>
      <c r="F17" s="284">
        <v>8.0775869197529632E-2</v>
      </c>
      <c r="G17" s="286">
        <v>0.43650136655995658</v>
      </c>
      <c r="H17" s="284">
        <v>0.1070392837498383</v>
      </c>
    </row>
    <row r="18" spans="1:8" s="5" customFormat="1" ht="25.5">
      <c r="A18" s="45" t="s">
        <v>442</v>
      </c>
      <c r="B18" s="46">
        <v>106</v>
      </c>
      <c r="C18" s="47">
        <v>69.915316336736169</v>
      </c>
      <c r="D18" s="48">
        <v>3.8024</v>
      </c>
      <c r="E18" s="285">
        <v>0.28151247045812522</v>
      </c>
      <c r="F18" s="283">
        <v>8.6481073853071119E-2</v>
      </c>
      <c r="G18" s="285">
        <v>0.48398653746105325</v>
      </c>
      <c r="H18" s="283">
        <v>9.5300840301784595E-2</v>
      </c>
    </row>
    <row r="19" spans="1:8" s="5" customFormat="1">
      <c r="A19" s="49" t="s">
        <v>462</v>
      </c>
      <c r="B19" s="50">
        <v>70</v>
      </c>
      <c r="C19" s="51">
        <v>72.109545559576077</v>
      </c>
      <c r="D19" s="52">
        <v>3.9787999999999997</v>
      </c>
      <c r="E19" s="286">
        <v>0.20472733902962453</v>
      </c>
      <c r="F19" s="284">
        <v>9.6418238638945289E-2</v>
      </c>
      <c r="G19" s="286">
        <v>0.52367349083917603</v>
      </c>
      <c r="H19" s="284">
        <v>0.11613098750974027</v>
      </c>
    </row>
    <row r="20" spans="1:8">
      <c r="A20" s="45" t="s">
        <v>450</v>
      </c>
      <c r="B20" s="46">
        <v>309</v>
      </c>
      <c r="C20" s="47">
        <v>72.797931452530747</v>
      </c>
      <c r="D20" s="48">
        <v>2.1168</v>
      </c>
      <c r="E20" s="285">
        <v>0.15743465793138586</v>
      </c>
      <c r="F20" s="283">
        <v>4.1632686828138123E-2</v>
      </c>
      <c r="G20" s="285">
        <v>0.47076756325878538</v>
      </c>
      <c r="H20" s="283">
        <v>5.6429114258436955E-2</v>
      </c>
    </row>
    <row r="21" spans="1:8">
      <c r="A21" s="49" t="s">
        <v>443</v>
      </c>
      <c r="B21" s="50">
        <v>160</v>
      </c>
      <c r="C21" s="51">
        <v>73.431730530911253</v>
      </c>
      <c r="D21" s="52">
        <v>3.1360000000000001</v>
      </c>
      <c r="E21" s="286">
        <v>0.15586222396567323</v>
      </c>
      <c r="F21" s="284">
        <v>5.786355926894092E-2</v>
      </c>
      <c r="G21" s="286">
        <v>0.51569803755899135</v>
      </c>
      <c r="H21" s="284">
        <v>7.805024115480258E-2</v>
      </c>
    </row>
    <row r="22" spans="1:8">
      <c r="A22" s="57" t="s">
        <v>444</v>
      </c>
      <c r="B22" s="46">
        <v>149</v>
      </c>
      <c r="C22" s="47">
        <v>72.345913953419512</v>
      </c>
      <c r="D22" s="48">
        <v>2.8420000000000001</v>
      </c>
      <c r="E22" s="285">
        <v>0.15855609797930634</v>
      </c>
      <c r="F22" s="283">
        <v>6.0376221156266376E-2</v>
      </c>
      <c r="G22" s="285">
        <v>0.43872371636218355</v>
      </c>
      <c r="H22" s="283">
        <v>8.0267360298809834E-2</v>
      </c>
    </row>
    <row r="23" spans="1:8">
      <c r="A23" s="49" t="s">
        <v>451</v>
      </c>
      <c r="B23" s="50">
        <v>91</v>
      </c>
      <c r="C23" s="51">
        <v>71.955348962482759</v>
      </c>
      <c r="D23" s="52">
        <v>3.9003999999999999</v>
      </c>
      <c r="E23" s="286">
        <v>0.16445432222137435</v>
      </c>
      <c r="F23" s="284">
        <v>7.8590432011821712E-2</v>
      </c>
      <c r="G23" s="286">
        <v>0.40669804473272259</v>
      </c>
      <c r="H23" s="284">
        <v>0.10094550611153251</v>
      </c>
    </row>
    <row r="24" spans="1:8">
      <c r="A24" s="57" t="s">
        <v>452</v>
      </c>
      <c r="B24" s="46">
        <v>323</v>
      </c>
      <c r="C24" s="47">
        <v>75.490080732692206</v>
      </c>
      <c r="D24" s="48">
        <v>2.0579999999999998</v>
      </c>
      <c r="E24" s="285">
        <v>0.14957080616731364</v>
      </c>
      <c r="F24" s="283">
        <v>3.990589874903315E-2</v>
      </c>
      <c r="G24" s="285">
        <v>0.57805734505995809</v>
      </c>
      <c r="H24" s="283">
        <v>5.4638674360477237E-2</v>
      </c>
    </row>
    <row r="25" spans="1:8">
      <c r="A25" s="49" t="s">
        <v>445</v>
      </c>
      <c r="B25" s="50">
        <v>104</v>
      </c>
      <c r="C25" s="51">
        <v>76.488243194625198</v>
      </c>
      <c r="D25" s="52">
        <v>3.6456</v>
      </c>
      <c r="E25" s="286">
        <v>7.9428504651338425E-2</v>
      </c>
      <c r="F25" s="284">
        <v>5.6430630505835501E-2</v>
      </c>
      <c r="G25" s="286">
        <v>0.53538537899428573</v>
      </c>
      <c r="H25" s="284">
        <v>9.6001332429839673E-2</v>
      </c>
    </row>
    <row r="26" spans="1:8">
      <c r="A26" s="57" t="s">
        <v>446</v>
      </c>
      <c r="B26" s="46">
        <v>124</v>
      </c>
      <c r="C26" s="47">
        <v>77.974837059308712</v>
      </c>
      <c r="D26" s="48">
        <v>3.4299999999999997</v>
      </c>
      <c r="E26" s="285">
        <v>0.13536403857832943</v>
      </c>
      <c r="F26" s="283">
        <v>6.2555159162714702E-2</v>
      </c>
      <c r="G26" s="285">
        <v>0.65341019455703786</v>
      </c>
      <c r="H26" s="283">
        <v>8.439365480805372E-2</v>
      </c>
    </row>
    <row r="27" spans="1:8">
      <c r="A27" s="49" t="s">
        <v>447</v>
      </c>
      <c r="B27" s="50">
        <v>95</v>
      </c>
      <c r="C27" s="51">
        <v>71.270511422878272</v>
      </c>
      <c r="D27" s="52">
        <v>3.6847999999999996</v>
      </c>
      <c r="E27" s="286">
        <v>0.24197586114816216</v>
      </c>
      <c r="F27" s="284">
        <v>8.7315698950600387E-2</v>
      </c>
      <c r="G27" s="286">
        <v>0.5273884164810142</v>
      </c>
      <c r="H27" s="284">
        <v>0.1003648427848027</v>
      </c>
    </row>
    <row r="28" spans="1:8" s="5" customFormat="1">
      <c r="A28" s="57" t="s">
        <v>453</v>
      </c>
      <c r="B28" s="46">
        <v>100</v>
      </c>
      <c r="C28" s="47">
        <v>70.824421745025276</v>
      </c>
      <c r="D28" s="48">
        <v>4.0179999999999998</v>
      </c>
      <c r="E28" s="285">
        <v>0.2092221766507138</v>
      </c>
      <c r="F28" s="283">
        <v>8.129413856775411E-2</v>
      </c>
      <c r="G28" s="285">
        <v>0.40255774937246047</v>
      </c>
      <c r="H28" s="283">
        <v>9.6321046897687612E-2</v>
      </c>
    </row>
    <row r="29" spans="1:8" s="5" customFormat="1">
      <c r="A29" s="49" t="s">
        <v>459</v>
      </c>
      <c r="B29" s="50">
        <v>368</v>
      </c>
      <c r="C29" s="51">
        <v>68.230591510954952</v>
      </c>
      <c r="D29" s="52">
        <v>2.0579999999999998</v>
      </c>
      <c r="E29" s="286">
        <v>0.25290807821870481</v>
      </c>
      <c r="F29" s="284">
        <v>4.5229584153695442E-2</v>
      </c>
      <c r="G29" s="286">
        <v>0.32933197112371693</v>
      </c>
      <c r="H29" s="284">
        <v>4.8802372547860629E-2</v>
      </c>
    </row>
    <row r="30" spans="1:8" s="5" customFormat="1"/>
    <row r="32" spans="1:8" ht="18.75">
      <c r="A32" s="321" t="s">
        <v>7</v>
      </c>
      <c r="B32" s="321"/>
      <c r="C32" s="321"/>
      <c r="D32" s="321"/>
      <c r="E32" s="321"/>
      <c r="F32" s="321"/>
      <c r="G32" s="321"/>
      <c r="H32" s="321"/>
    </row>
    <row r="33" spans="1:8" ht="115.5" customHeight="1">
      <c r="A33" s="327" t="s">
        <v>290</v>
      </c>
      <c r="B33" s="327"/>
      <c r="C33" s="327"/>
      <c r="D33" s="327"/>
      <c r="E33" s="327"/>
      <c r="F33" s="327"/>
      <c r="G33" s="327"/>
      <c r="H33" s="327"/>
    </row>
    <row r="34" spans="1:8" ht="39.75" customHeight="1">
      <c r="A34" s="315" t="s">
        <v>92</v>
      </c>
      <c r="B34" s="316"/>
      <c r="C34" s="316"/>
      <c r="D34" s="316"/>
      <c r="E34" s="316"/>
      <c r="F34" s="316"/>
      <c r="G34" s="316"/>
      <c r="H34" s="316"/>
    </row>
    <row r="35" spans="1:8" ht="45" customHeight="1">
      <c r="A35" s="37" t="s">
        <v>85</v>
      </c>
      <c r="B35" s="38" t="s">
        <v>86</v>
      </c>
      <c r="C35" s="39" t="s">
        <v>87</v>
      </c>
      <c r="D35" s="40" t="s">
        <v>88</v>
      </c>
      <c r="E35" s="38" t="s">
        <v>409</v>
      </c>
      <c r="F35" s="40" t="s">
        <v>413</v>
      </c>
      <c r="G35" s="39" t="s">
        <v>411</v>
      </c>
      <c r="H35" s="40" t="s">
        <v>413</v>
      </c>
    </row>
    <row r="36" spans="1:8" ht="87" customHeight="1">
      <c r="A36" s="41"/>
      <c r="B36" s="42" t="s">
        <v>89</v>
      </c>
      <c r="C36" s="43" t="s">
        <v>90</v>
      </c>
      <c r="D36" s="44" t="s">
        <v>91</v>
      </c>
      <c r="E36" s="42" t="s">
        <v>410</v>
      </c>
      <c r="F36" s="91" t="s">
        <v>104</v>
      </c>
      <c r="G36" s="128" t="s">
        <v>412</v>
      </c>
      <c r="H36" s="91" t="s">
        <v>104</v>
      </c>
    </row>
    <row r="37" spans="1:8">
      <c r="A37" s="45" t="s">
        <v>434</v>
      </c>
      <c r="B37" s="58">
        <v>10728</v>
      </c>
      <c r="C37" s="59">
        <v>69.8</v>
      </c>
      <c r="D37" s="60">
        <v>0.3332</v>
      </c>
      <c r="E37" s="287">
        <v>0.26500000000000001</v>
      </c>
      <c r="F37" s="288">
        <v>8.5212273349339705E-3</v>
      </c>
      <c r="G37" s="287">
        <v>0.32600000000000001</v>
      </c>
      <c r="H37" s="288">
        <v>9.0500444183065909E-3</v>
      </c>
    </row>
    <row r="38" spans="1:8" s="5" customFormat="1">
      <c r="A38" s="49" t="s">
        <v>435</v>
      </c>
      <c r="B38" s="61">
        <v>8596</v>
      </c>
      <c r="C38" s="62">
        <v>71.347129350525535</v>
      </c>
      <c r="D38" s="63">
        <v>0.37445591310394172</v>
      </c>
      <c r="E38" s="289">
        <v>0.23599999999999999</v>
      </c>
      <c r="F38" s="290">
        <v>9.1592834697616834E-3</v>
      </c>
      <c r="G38" s="289">
        <v>0.36099999999999999</v>
      </c>
      <c r="H38" s="290">
        <v>1.0358615532065801E-2</v>
      </c>
    </row>
    <row r="39" spans="1:8" s="5" customFormat="1">
      <c r="A39" s="45" t="s">
        <v>436</v>
      </c>
      <c r="B39" s="54">
        <v>1962</v>
      </c>
      <c r="C39" s="55">
        <v>66.88</v>
      </c>
      <c r="D39" s="56">
        <v>0.82319999999999993</v>
      </c>
      <c r="E39" s="291">
        <v>0.33</v>
      </c>
      <c r="F39" s="288">
        <v>2.1215240474457296E-2</v>
      </c>
      <c r="G39" s="291">
        <v>0.26500000000000001</v>
      </c>
      <c r="H39" s="288">
        <v>1.9918424257417147E-2</v>
      </c>
    </row>
    <row r="40" spans="1:8" s="5" customFormat="1">
      <c r="A40" s="49" t="s">
        <v>437</v>
      </c>
      <c r="B40" s="61">
        <v>3060</v>
      </c>
      <c r="C40" s="62">
        <v>70.7</v>
      </c>
      <c r="D40" s="63">
        <v>0.62719999999999998</v>
      </c>
      <c r="E40" s="289">
        <v>0.24968562182535489</v>
      </c>
      <c r="F40" s="290">
        <v>1.5645643599287488E-2</v>
      </c>
      <c r="G40" s="289">
        <v>0.34830346164860254</v>
      </c>
      <c r="H40" s="290">
        <v>1.7216491432348872E-2</v>
      </c>
    </row>
    <row r="41" spans="1:8" s="5" customFormat="1">
      <c r="A41" s="45" t="s">
        <v>438</v>
      </c>
      <c r="B41" s="54">
        <v>2472</v>
      </c>
      <c r="C41" s="55">
        <v>72.709999999999994</v>
      </c>
      <c r="D41" s="56">
        <v>0.66639999999999999</v>
      </c>
      <c r="E41" s="291">
        <v>0.21099999999999999</v>
      </c>
      <c r="F41" s="288">
        <v>1.6412918975594777E-2</v>
      </c>
      <c r="G41" s="291">
        <v>0.39</v>
      </c>
      <c r="H41" s="288">
        <v>1.9605934602170121E-2</v>
      </c>
    </row>
    <row r="42" spans="1:8" s="5" customFormat="1">
      <c r="A42" s="49" t="s">
        <v>449</v>
      </c>
      <c r="B42" s="61">
        <v>293</v>
      </c>
      <c r="C42" s="62">
        <v>72</v>
      </c>
      <c r="D42" s="63">
        <v>2.0579999999999998</v>
      </c>
      <c r="E42" s="289">
        <v>0.21933581270480906</v>
      </c>
      <c r="F42" s="290">
        <v>4.831645693030099E-2</v>
      </c>
      <c r="G42" s="289">
        <v>0.38338783588854158</v>
      </c>
      <c r="H42" s="290">
        <v>5.6469105809551418E-2</v>
      </c>
    </row>
    <row r="43" spans="1:8" s="5" customFormat="1">
      <c r="A43" s="45" t="s">
        <v>439</v>
      </c>
      <c r="B43" s="54">
        <v>146</v>
      </c>
      <c r="C43" s="55">
        <v>73.5</v>
      </c>
      <c r="D43" s="56">
        <v>2.6264000000000003</v>
      </c>
      <c r="E43" s="291">
        <v>0.18647176765454368</v>
      </c>
      <c r="F43" s="288">
        <v>6.4678241465693787E-2</v>
      </c>
      <c r="G43" s="291">
        <v>0.38090661790787306</v>
      </c>
      <c r="H43" s="288">
        <v>7.9425121066364068E-2</v>
      </c>
    </row>
    <row r="44" spans="1:8" s="5" customFormat="1" ht="27.75" customHeight="1">
      <c r="A44" s="49" t="s">
        <v>440</v>
      </c>
      <c r="B44" s="61">
        <v>92</v>
      </c>
      <c r="C44" s="62">
        <v>67.8</v>
      </c>
      <c r="D44" s="63">
        <v>3.92</v>
      </c>
      <c r="E44" s="289">
        <v>0.30082347911162943</v>
      </c>
      <c r="F44" s="290">
        <v>9.4332254183682934E-2</v>
      </c>
      <c r="G44" s="289">
        <v>0.36452819933870328</v>
      </c>
      <c r="H44" s="290">
        <v>9.8561510642278027E-2</v>
      </c>
    </row>
    <row r="45" spans="1:8" s="5" customFormat="1">
      <c r="A45" s="45" t="s">
        <v>475</v>
      </c>
      <c r="B45" s="54">
        <v>262</v>
      </c>
      <c r="C45" s="55">
        <v>69.599999999999994</v>
      </c>
      <c r="D45" s="56">
        <v>2.1952000000000003</v>
      </c>
      <c r="E45" s="291">
        <v>0.26204933655489887</v>
      </c>
      <c r="F45" s="288">
        <v>5.4160656438715336E-2</v>
      </c>
      <c r="G45" s="291">
        <v>0.31219132953635381</v>
      </c>
      <c r="H45" s="288">
        <v>5.6963349539421386E-2</v>
      </c>
    </row>
    <row r="46" spans="1:8" s="5" customFormat="1">
      <c r="A46" s="49" t="s">
        <v>441</v>
      </c>
      <c r="B46" s="61">
        <v>81</v>
      </c>
      <c r="C46" s="62">
        <v>68</v>
      </c>
      <c r="D46" s="63">
        <v>4.0768000000000004</v>
      </c>
      <c r="E46" s="289">
        <v>0.30863826737959021</v>
      </c>
      <c r="F46" s="290">
        <v>0.10099414453989426</v>
      </c>
      <c r="G46" s="289">
        <v>0.28389385273002637</v>
      </c>
      <c r="H46" s="290">
        <v>9.8837997008167477E-2</v>
      </c>
    </row>
    <row r="47" spans="1:8" s="5" customFormat="1" ht="25.5">
      <c r="A47" s="45" t="s">
        <v>442</v>
      </c>
      <c r="B47" s="58">
        <v>107</v>
      </c>
      <c r="C47" s="59">
        <v>68.599999999999994</v>
      </c>
      <c r="D47" s="60">
        <v>3.5672000000000001</v>
      </c>
      <c r="E47" s="287">
        <v>0.27782673414085929</v>
      </c>
      <c r="F47" s="288">
        <v>8.5767859048227216E-2</v>
      </c>
      <c r="G47" s="287">
        <v>0.32101458863500859</v>
      </c>
      <c r="H47" s="288">
        <v>8.9085747912827612E-2</v>
      </c>
    </row>
    <row r="48" spans="1:8">
      <c r="A48" s="49" t="s">
        <v>462</v>
      </c>
      <c r="B48" s="61">
        <v>70</v>
      </c>
      <c r="C48" s="62">
        <v>71.2</v>
      </c>
      <c r="D48" s="63">
        <v>3.7631999999999999</v>
      </c>
      <c r="E48" s="289">
        <v>0.22071771558296038</v>
      </c>
      <c r="F48" s="290">
        <v>9.8695761461339987E-2</v>
      </c>
      <c r="G48" s="289">
        <v>0.3188865396729989</v>
      </c>
      <c r="H48" s="290">
        <v>0.10921049435381623</v>
      </c>
    </row>
    <row r="49" spans="1:50">
      <c r="A49" s="45" t="s">
        <v>450</v>
      </c>
      <c r="B49" s="54">
        <v>308</v>
      </c>
      <c r="C49" s="55">
        <v>72.3</v>
      </c>
      <c r="D49" s="56">
        <v>1.8815999999999999</v>
      </c>
      <c r="E49" s="291">
        <v>0.1979261737571317</v>
      </c>
      <c r="F49" s="288">
        <v>4.5443133381031585E-2</v>
      </c>
      <c r="G49" s="291">
        <v>0.35709212863254008</v>
      </c>
      <c r="H49" s="288">
        <v>5.4313624094831418E-2</v>
      </c>
    </row>
    <row r="50" spans="1:50">
      <c r="A50" s="49" t="s">
        <v>443</v>
      </c>
      <c r="B50" s="61">
        <v>160</v>
      </c>
      <c r="C50" s="62">
        <v>71.900000000000006</v>
      </c>
      <c r="D50" s="63">
        <v>2.7243999999999997</v>
      </c>
      <c r="E50" s="289">
        <v>0.18796582572185</v>
      </c>
      <c r="F50" s="290">
        <v>6.1945349852398066E-2</v>
      </c>
      <c r="G50" s="289">
        <v>0.38114678358084758</v>
      </c>
      <c r="H50" s="290">
        <v>7.5958041527577611E-2</v>
      </c>
    </row>
    <row r="51" spans="1:50">
      <c r="A51" s="57" t="s">
        <v>444</v>
      </c>
      <c r="B51" s="58">
        <v>148</v>
      </c>
      <c r="C51" s="59">
        <v>72.599999999999994</v>
      </c>
      <c r="D51" s="60">
        <v>2.6068000000000002</v>
      </c>
      <c r="E51" s="287">
        <v>0.20505904608911998</v>
      </c>
      <c r="F51" s="288">
        <v>6.6397531068090709E-2</v>
      </c>
      <c r="G51" s="287">
        <v>0.33986594515696888</v>
      </c>
      <c r="H51" s="288">
        <v>7.7066094900218429E-2</v>
      </c>
    </row>
    <row r="52" spans="1:50">
      <c r="A52" s="49" t="s">
        <v>451</v>
      </c>
      <c r="B52" s="61">
        <v>91</v>
      </c>
      <c r="C52" s="62">
        <v>71</v>
      </c>
      <c r="D52" s="63">
        <v>3.4104000000000001</v>
      </c>
      <c r="E52" s="289">
        <v>0.23220378377519968</v>
      </c>
      <c r="F52" s="290">
        <v>8.8066288172955129E-2</v>
      </c>
      <c r="G52" s="289">
        <v>0.34556686438257123</v>
      </c>
      <c r="H52" s="290">
        <v>9.8004621073957979E-2</v>
      </c>
    </row>
    <row r="53" spans="1:50">
      <c r="A53" s="57" t="s">
        <v>452</v>
      </c>
      <c r="B53" s="58">
        <v>323</v>
      </c>
      <c r="C53" s="59">
        <v>72.7</v>
      </c>
      <c r="D53" s="60">
        <v>1.8619999999999999</v>
      </c>
      <c r="E53" s="287">
        <v>0.20622840787916999</v>
      </c>
      <c r="F53" s="288">
        <v>4.5034366206927134E-2</v>
      </c>
      <c r="G53" s="287">
        <v>0.40141145842101411</v>
      </c>
      <c r="H53" s="288">
        <v>5.424112390130606E-2</v>
      </c>
    </row>
    <row r="54" spans="1:50">
      <c r="A54" s="49" t="s">
        <v>445</v>
      </c>
      <c r="B54" s="61">
        <v>104</v>
      </c>
      <c r="C54" s="62">
        <v>72.5</v>
      </c>
      <c r="D54" s="63">
        <v>3.4104000000000001</v>
      </c>
      <c r="E54" s="289">
        <v>0.21150333516478498</v>
      </c>
      <c r="F54" s="290">
        <v>8.0004794565013401E-2</v>
      </c>
      <c r="G54" s="289">
        <v>0.36998378226946516</v>
      </c>
      <c r="H54" s="290">
        <v>9.315951256843652E-2</v>
      </c>
    </row>
    <row r="55" spans="1:50">
      <c r="A55" s="57" t="s">
        <v>446</v>
      </c>
      <c r="B55" s="58">
        <v>124</v>
      </c>
      <c r="C55" s="59">
        <v>75.5</v>
      </c>
      <c r="D55" s="60">
        <v>2.7047999999999996</v>
      </c>
      <c r="E55" s="287">
        <v>0.13189594330774504</v>
      </c>
      <c r="F55" s="288">
        <v>6.1956604250970618E-2</v>
      </c>
      <c r="G55" s="287">
        <v>0.43611164905684885</v>
      </c>
      <c r="H55" s="288">
        <v>8.770857286782946E-2</v>
      </c>
    </row>
    <row r="56" spans="1:50">
      <c r="A56" s="49" t="s">
        <v>447</v>
      </c>
      <c r="B56" s="61">
        <v>95</v>
      </c>
      <c r="C56" s="62">
        <v>69.5</v>
      </c>
      <c r="D56" s="63">
        <v>3.6652</v>
      </c>
      <c r="E56" s="289">
        <v>0.29522699941071229</v>
      </c>
      <c r="F56" s="290">
        <v>9.2417149968982953E-2</v>
      </c>
      <c r="G56" s="289">
        <v>0.3905580106718694</v>
      </c>
      <c r="H56" s="290">
        <v>9.8261818994523256E-2</v>
      </c>
    </row>
    <row r="57" spans="1:50">
      <c r="A57" s="57" t="s">
        <v>453</v>
      </c>
      <c r="B57" s="58">
        <v>100</v>
      </c>
      <c r="C57" s="59">
        <v>67.900000000000006</v>
      </c>
      <c r="D57" s="60">
        <v>3.9395999999999995</v>
      </c>
      <c r="E57" s="287">
        <v>0.30774224925329013</v>
      </c>
      <c r="F57" s="288">
        <v>9.1109737130384977E-2</v>
      </c>
      <c r="G57" s="287">
        <v>0.34578050943571337</v>
      </c>
      <c r="H57" s="288">
        <v>9.3646363732879281E-2</v>
      </c>
    </row>
    <row r="58" spans="1:50">
      <c r="A58" s="49" t="s">
        <v>459</v>
      </c>
      <c r="B58" s="61">
        <v>367</v>
      </c>
      <c r="C58" s="62">
        <v>66.5</v>
      </c>
      <c r="D58" s="63">
        <v>1.8423999999999998</v>
      </c>
      <c r="E58" s="289">
        <v>0.33616227821981093</v>
      </c>
      <c r="F58" s="290">
        <v>4.9114301040508956E-2</v>
      </c>
      <c r="G58" s="289">
        <v>0.23047677233450881</v>
      </c>
      <c r="H58" s="290">
        <v>4.3920438525223614E-2</v>
      </c>
    </row>
    <row r="59" spans="1:50" s="5" customFormat="1"/>
    <row r="61" spans="1:50" ht="18.75">
      <c r="A61" s="321" t="s">
        <v>32</v>
      </c>
      <c r="B61" s="321"/>
      <c r="C61" s="321"/>
      <c r="D61" s="321"/>
      <c r="E61" s="321"/>
      <c r="F61" s="321"/>
      <c r="G61" s="321"/>
      <c r="H61" s="321"/>
      <c r="I61" s="321"/>
      <c r="J61" s="321"/>
      <c r="K61" s="321"/>
      <c r="L61" s="321"/>
      <c r="M61" s="321"/>
      <c r="N61" s="321"/>
      <c r="O61" s="321"/>
      <c r="P61" s="321"/>
      <c r="Q61" s="321"/>
      <c r="R61" s="321"/>
      <c r="S61" s="321"/>
      <c r="T61" s="321"/>
      <c r="U61" s="321"/>
      <c r="V61" s="321"/>
      <c r="W61" s="321"/>
      <c r="X61" s="321"/>
      <c r="Y61" s="321"/>
      <c r="Z61" s="321"/>
      <c r="AA61" s="321"/>
      <c r="AB61" s="321"/>
      <c r="AC61" s="321"/>
      <c r="AD61" s="321"/>
      <c r="AE61" s="321"/>
      <c r="AF61" s="321"/>
      <c r="AG61" s="321"/>
      <c r="AH61" s="321"/>
      <c r="AI61" s="321"/>
      <c r="AJ61" s="321"/>
      <c r="AK61" s="321"/>
      <c r="AL61" s="321"/>
      <c r="AM61" s="321"/>
      <c r="AN61" s="321"/>
      <c r="AO61" s="321"/>
      <c r="AP61" s="321"/>
      <c r="AQ61" s="321"/>
      <c r="AR61" s="321"/>
      <c r="AS61" s="321"/>
      <c r="AT61" s="321"/>
      <c r="AU61" s="321"/>
      <c r="AV61" s="321"/>
      <c r="AW61" s="321"/>
      <c r="AX61" s="321"/>
    </row>
    <row r="62" spans="1:50" ht="70.5" customHeight="1">
      <c r="A62" s="320" t="s">
        <v>93</v>
      </c>
      <c r="B62" s="320"/>
      <c r="C62" s="320"/>
      <c r="D62" s="320"/>
      <c r="E62" s="320"/>
      <c r="F62" s="320"/>
      <c r="G62" s="320"/>
      <c r="H62" s="320"/>
      <c r="I62" s="320"/>
      <c r="J62" s="320"/>
      <c r="K62" s="320"/>
      <c r="L62" s="320"/>
      <c r="M62" s="320"/>
      <c r="N62" s="320"/>
      <c r="O62" s="320"/>
      <c r="P62" s="320"/>
      <c r="Q62" s="320"/>
      <c r="R62" s="320"/>
      <c r="S62" s="320"/>
      <c r="T62" s="320"/>
      <c r="U62" s="320"/>
      <c r="V62" s="320"/>
      <c r="W62" s="320"/>
      <c r="X62" s="320"/>
      <c r="Y62" s="320"/>
      <c r="Z62" s="320"/>
      <c r="AA62" s="320"/>
      <c r="AB62" s="320"/>
      <c r="AC62" s="320"/>
      <c r="AD62" s="320"/>
      <c r="AE62" s="320"/>
      <c r="AF62" s="320"/>
      <c r="AG62" s="320"/>
      <c r="AH62" s="320"/>
      <c r="AI62" s="320"/>
      <c r="AJ62" s="320"/>
      <c r="AK62" s="320"/>
      <c r="AL62" s="320"/>
      <c r="AM62" s="320"/>
      <c r="AN62" s="320"/>
      <c r="AO62" s="320"/>
      <c r="AP62" s="320"/>
      <c r="AQ62" s="320"/>
      <c r="AR62" s="320"/>
      <c r="AS62" s="320"/>
      <c r="AT62" s="320"/>
      <c r="AU62" s="320"/>
      <c r="AV62" s="320"/>
      <c r="AW62" s="320"/>
      <c r="AX62" s="320"/>
    </row>
    <row r="63" spans="1:50" ht="32.25" customHeight="1">
      <c r="A63" s="64" t="s">
        <v>94</v>
      </c>
      <c r="B63" s="317" t="s">
        <v>95</v>
      </c>
      <c r="C63" s="318"/>
      <c r="D63" s="318"/>
      <c r="E63" s="318"/>
      <c r="F63" s="318"/>
      <c r="G63" s="318"/>
      <c r="H63" s="319"/>
      <c r="I63" s="317" t="s">
        <v>415</v>
      </c>
      <c r="J63" s="318"/>
      <c r="K63" s="318"/>
      <c r="L63" s="318"/>
      <c r="M63" s="318"/>
      <c r="N63" s="318"/>
      <c r="O63" s="319"/>
      <c r="P63" s="317" t="s">
        <v>416</v>
      </c>
      <c r="Q63" s="318"/>
      <c r="R63" s="318"/>
      <c r="S63" s="318"/>
      <c r="T63" s="318"/>
      <c r="U63" s="318"/>
      <c r="V63" s="319"/>
      <c r="W63" s="317" t="s">
        <v>96</v>
      </c>
      <c r="X63" s="318"/>
      <c r="Y63" s="318"/>
      <c r="Z63" s="318"/>
      <c r="AA63" s="318"/>
      <c r="AB63" s="318"/>
      <c r="AC63" s="319"/>
      <c r="AD63" s="317" t="s">
        <v>97</v>
      </c>
      <c r="AE63" s="318"/>
      <c r="AF63" s="318"/>
      <c r="AG63" s="318"/>
      <c r="AH63" s="318"/>
      <c r="AI63" s="318"/>
      <c r="AJ63" s="319"/>
      <c r="AK63" s="317" t="s">
        <v>98</v>
      </c>
      <c r="AL63" s="318"/>
      <c r="AM63" s="318"/>
      <c r="AN63" s="318"/>
      <c r="AO63" s="318"/>
      <c r="AP63" s="318"/>
      <c r="AQ63" s="319"/>
      <c r="AR63" s="317" t="s">
        <v>99</v>
      </c>
      <c r="AS63" s="318"/>
      <c r="AT63" s="318"/>
      <c r="AU63" s="318"/>
      <c r="AV63" s="318"/>
      <c r="AW63" s="318"/>
      <c r="AX63" s="319"/>
    </row>
    <row r="64" spans="1:50" ht="43.5" customHeight="1">
      <c r="A64" s="37" t="s">
        <v>85</v>
      </c>
      <c r="B64" s="38" t="s">
        <v>86</v>
      </c>
      <c r="C64" s="39" t="s">
        <v>87</v>
      </c>
      <c r="D64" s="40" t="s">
        <v>88</v>
      </c>
      <c r="E64" s="39" t="s">
        <v>409</v>
      </c>
      <c r="F64" s="40" t="s">
        <v>413</v>
      </c>
      <c r="G64" s="39" t="s">
        <v>411</v>
      </c>
      <c r="H64" s="40" t="s">
        <v>414</v>
      </c>
      <c r="I64" s="65" t="s">
        <v>86</v>
      </c>
      <c r="J64" s="66" t="s">
        <v>87</v>
      </c>
      <c r="K64" s="67" t="s">
        <v>88</v>
      </c>
      <c r="L64" s="66" t="s">
        <v>409</v>
      </c>
      <c r="M64" s="67" t="s">
        <v>413</v>
      </c>
      <c r="N64" s="66" t="s">
        <v>411</v>
      </c>
      <c r="O64" s="67" t="s">
        <v>414</v>
      </c>
      <c r="P64" s="38" t="s">
        <v>86</v>
      </c>
      <c r="Q64" s="39" t="s">
        <v>87</v>
      </c>
      <c r="R64" s="40" t="s">
        <v>88</v>
      </c>
      <c r="S64" s="39" t="s">
        <v>409</v>
      </c>
      <c r="T64" s="40" t="s">
        <v>413</v>
      </c>
      <c r="U64" s="39" t="s">
        <v>411</v>
      </c>
      <c r="V64" s="40" t="s">
        <v>414</v>
      </c>
      <c r="W64" s="65" t="s">
        <v>86</v>
      </c>
      <c r="X64" s="66" t="s">
        <v>87</v>
      </c>
      <c r="Y64" s="67" t="s">
        <v>88</v>
      </c>
      <c r="Z64" s="66" t="s">
        <v>409</v>
      </c>
      <c r="AA64" s="67" t="s">
        <v>413</v>
      </c>
      <c r="AB64" s="66" t="s">
        <v>411</v>
      </c>
      <c r="AC64" s="67" t="s">
        <v>414</v>
      </c>
      <c r="AD64" s="38" t="s">
        <v>86</v>
      </c>
      <c r="AE64" s="39" t="s">
        <v>87</v>
      </c>
      <c r="AF64" s="40" t="s">
        <v>88</v>
      </c>
      <c r="AG64" s="39" t="s">
        <v>409</v>
      </c>
      <c r="AH64" s="40" t="s">
        <v>413</v>
      </c>
      <c r="AI64" s="39" t="s">
        <v>411</v>
      </c>
      <c r="AJ64" s="40" t="s">
        <v>414</v>
      </c>
      <c r="AK64" s="65" t="s">
        <v>86</v>
      </c>
      <c r="AL64" s="66" t="s">
        <v>87</v>
      </c>
      <c r="AM64" s="67" t="s">
        <v>88</v>
      </c>
      <c r="AN64" s="66" t="s">
        <v>409</v>
      </c>
      <c r="AO64" s="67" t="s">
        <v>413</v>
      </c>
      <c r="AP64" s="66" t="s">
        <v>411</v>
      </c>
      <c r="AQ64" s="67" t="s">
        <v>414</v>
      </c>
      <c r="AR64" s="38" t="s">
        <v>86</v>
      </c>
      <c r="AS64" s="39" t="s">
        <v>87</v>
      </c>
      <c r="AT64" s="40" t="s">
        <v>88</v>
      </c>
      <c r="AU64" s="39" t="s">
        <v>409</v>
      </c>
      <c r="AV64" s="40" t="s">
        <v>413</v>
      </c>
      <c r="AW64" s="39" t="s">
        <v>411</v>
      </c>
      <c r="AX64" s="40" t="s">
        <v>414</v>
      </c>
    </row>
    <row r="65" spans="1:50" ht="90" customHeight="1">
      <c r="A65" s="41"/>
      <c r="B65" s="42" t="s">
        <v>89</v>
      </c>
      <c r="C65" s="43" t="s">
        <v>90</v>
      </c>
      <c r="D65" s="44" t="s">
        <v>91</v>
      </c>
      <c r="E65" s="43" t="s">
        <v>410</v>
      </c>
      <c r="F65" s="91" t="s">
        <v>104</v>
      </c>
      <c r="G65" s="43" t="s">
        <v>412</v>
      </c>
      <c r="H65" s="91" t="s">
        <v>104</v>
      </c>
      <c r="I65" s="68" t="s">
        <v>89</v>
      </c>
      <c r="J65" s="69" t="s">
        <v>90</v>
      </c>
      <c r="K65" s="70" t="s">
        <v>91</v>
      </c>
      <c r="L65" s="69" t="s">
        <v>410</v>
      </c>
      <c r="M65" s="70" t="s">
        <v>91</v>
      </c>
      <c r="N65" s="69" t="s">
        <v>412</v>
      </c>
      <c r="O65" s="70" t="s">
        <v>104</v>
      </c>
      <c r="P65" s="42" t="s">
        <v>89</v>
      </c>
      <c r="Q65" s="43" t="s">
        <v>90</v>
      </c>
      <c r="R65" s="44" t="s">
        <v>91</v>
      </c>
      <c r="S65" s="43" t="s">
        <v>410</v>
      </c>
      <c r="T65" s="44" t="s">
        <v>104</v>
      </c>
      <c r="U65" s="43" t="s">
        <v>412</v>
      </c>
      <c r="V65" s="44" t="s">
        <v>104</v>
      </c>
      <c r="W65" s="68" t="s">
        <v>89</v>
      </c>
      <c r="X65" s="69" t="s">
        <v>90</v>
      </c>
      <c r="Y65" s="70" t="s">
        <v>91</v>
      </c>
      <c r="Z65" s="69" t="s">
        <v>410</v>
      </c>
      <c r="AA65" s="70" t="s">
        <v>104</v>
      </c>
      <c r="AB65" s="69" t="s">
        <v>412</v>
      </c>
      <c r="AC65" s="70" t="s">
        <v>104</v>
      </c>
      <c r="AD65" s="42" t="s">
        <v>89</v>
      </c>
      <c r="AE65" s="43" t="s">
        <v>90</v>
      </c>
      <c r="AF65" s="44" t="s">
        <v>91</v>
      </c>
      <c r="AG65" s="43" t="s">
        <v>410</v>
      </c>
      <c r="AH65" s="44" t="s">
        <v>104</v>
      </c>
      <c r="AI65" s="43" t="s">
        <v>412</v>
      </c>
      <c r="AJ65" s="44" t="s">
        <v>104</v>
      </c>
      <c r="AK65" s="68" t="s">
        <v>89</v>
      </c>
      <c r="AL65" s="69" t="s">
        <v>90</v>
      </c>
      <c r="AM65" s="70" t="s">
        <v>91</v>
      </c>
      <c r="AN65" s="69" t="s">
        <v>410</v>
      </c>
      <c r="AO65" s="70" t="s">
        <v>104</v>
      </c>
      <c r="AP65" s="69" t="s">
        <v>412</v>
      </c>
      <c r="AQ65" s="70" t="s">
        <v>104</v>
      </c>
      <c r="AR65" s="42" t="s">
        <v>89</v>
      </c>
      <c r="AS65" s="43" t="s">
        <v>90</v>
      </c>
      <c r="AT65" s="44" t="s">
        <v>91</v>
      </c>
      <c r="AU65" s="43" t="s">
        <v>410</v>
      </c>
      <c r="AV65" s="44" t="s">
        <v>104</v>
      </c>
      <c r="AW65" s="43" t="s">
        <v>412</v>
      </c>
      <c r="AX65" s="44" t="s">
        <v>104</v>
      </c>
    </row>
    <row r="66" spans="1:50">
      <c r="A66" s="45" t="s">
        <v>434</v>
      </c>
      <c r="B66" s="71">
        <v>10766</v>
      </c>
      <c r="C66" s="72">
        <v>73.135428260761017</v>
      </c>
      <c r="D66" s="73">
        <v>0.37240000000000001</v>
      </c>
      <c r="E66" s="292">
        <v>0.20522505740697988</v>
      </c>
      <c r="F66" s="293">
        <v>7.7847615631944592E-3</v>
      </c>
      <c r="G66" s="294">
        <v>0.48888295947074295</v>
      </c>
      <c r="H66" s="293">
        <v>9.6335166845829701E-3</v>
      </c>
      <c r="I66" s="71">
        <v>10748</v>
      </c>
      <c r="J66" s="72">
        <v>67.244438009910041</v>
      </c>
      <c r="K66" s="73">
        <v>0.43119999999999997</v>
      </c>
      <c r="L66" s="292">
        <v>0.29288641574317659</v>
      </c>
      <c r="M66" s="293">
        <v>8.7783527455123182E-3</v>
      </c>
      <c r="N66" s="294">
        <v>0.37098466872147023</v>
      </c>
      <c r="O66" s="293">
        <v>9.317630550416553E-3</v>
      </c>
      <c r="P66" s="71">
        <v>10706</v>
      </c>
      <c r="Q66" s="72">
        <v>66.708067282196211</v>
      </c>
      <c r="R66" s="73">
        <v>0.43119999999999997</v>
      </c>
      <c r="S66" s="292">
        <v>0.30939327802456323</v>
      </c>
      <c r="T66" s="293">
        <v>8.9337474383294809E-3</v>
      </c>
      <c r="U66" s="294">
        <v>0.37713076216647812</v>
      </c>
      <c r="V66" s="293">
        <v>9.3667753238603733E-3</v>
      </c>
      <c r="W66" s="71">
        <v>10727</v>
      </c>
      <c r="X66" s="72">
        <v>72.249166577051611</v>
      </c>
      <c r="Y66" s="73">
        <v>0.45080000000000003</v>
      </c>
      <c r="Z66" s="292">
        <v>0.24613325917532536</v>
      </c>
      <c r="AA66" s="293">
        <v>8.3176099636993687E-3</v>
      </c>
      <c r="AB66" s="294">
        <v>0.50729486023454118</v>
      </c>
      <c r="AC66" s="293">
        <v>9.652364421046453E-3</v>
      </c>
      <c r="AD66" s="71">
        <v>10744</v>
      </c>
      <c r="AE66" s="72">
        <v>76.90012075999887</v>
      </c>
      <c r="AF66" s="73">
        <v>0.39200000000000002</v>
      </c>
      <c r="AG66" s="292">
        <v>0.17387008807585744</v>
      </c>
      <c r="AH66" s="293">
        <v>7.3134517920980168E-3</v>
      </c>
      <c r="AI66" s="294">
        <v>0.58217472179114405</v>
      </c>
      <c r="AJ66" s="293">
        <v>9.5146908201943509E-3</v>
      </c>
      <c r="AK66" s="71">
        <v>10731</v>
      </c>
      <c r="AL66" s="72">
        <v>66.261620619360528</v>
      </c>
      <c r="AM66" s="73">
        <v>0.47039999999999998</v>
      </c>
      <c r="AN66" s="292">
        <v>0.33457951537585506</v>
      </c>
      <c r="AO66" s="293">
        <v>9.1084947689733711E-3</v>
      </c>
      <c r="AP66" s="294">
        <v>0.37200657019711392</v>
      </c>
      <c r="AQ66" s="293">
        <v>9.3302476626240857E-3</v>
      </c>
      <c r="AR66" s="71">
        <v>10727</v>
      </c>
      <c r="AS66" s="72">
        <v>65.772635405535141</v>
      </c>
      <c r="AT66" s="73">
        <v>0.47039999999999998</v>
      </c>
      <c r="AU66" s="292">
        <v>0.34369699703039691</v>
      </c>
      <c r="AV66" s="293">
        <v>9.1699610686267127E-3</v>
      </c>
      <c r="AW66" s="294">
        <v>0.38301445633193187</v>
      </c>
      <c r="AX66" s="293">
        <v>9.3856498650825883E-3</v>
      </c>
    </row>
    <row r="67" spans="1:50" s="5" customFormat="1">
      <c r="A67" s="49" t="s">
        <v>435</v>
      </c>
      <c r="B67" s="74">
        <v>8631</v>
      </c>
      <c r="C67" s="75">
        <v>74.7</v>
      </c>
      <c r="D67" s="76">
        <v>0.86009789626306943</v>
      </c>
      <c r="E67" s="295">
        <v>0.17586983603405243</v>
      </c>
      <c r="F67" s="296">
        <v>8.1966832363148008E-3</v>
      </c>
      <c r="G67" s="297">
        <v>0.53085617451249889</v>
      </c>
      <c r="H67" s="296">
        <v>1.0740908888076038E-2</v>
      </c>
      <c r="I67" s="74">
        <v>8613</v>
      </c>
      <c r="J67" s="75">
        <v>67.3</v>
      </c>
      <c r="K67" s="76">
        <v>0.48193448647016601</v>
      </c>
      <c r="L67" s="295">
        <v>0.29217886064190407</v>
      </c>
      <c r="M67" s="296">
        <v>9.7989647790480815E-3</v>
      </c>
      <c r="N67" s="297">
        <v>0.38767625270226186</v>
      </c>
      <c r="O67" s="296">
        <v>1.0497546618219396E-2</v>
      </c>
      <c r="P67" s="74">
        <v>8573</v>
      </c>
      <c r="Q67" s="75">
        <v>68.2</v>
      </c>
      <c r="R67" s="76">
        <v>0.49818328050476535</v>
      </c>
      <c r="S67" s="295">
        <v>0.28572427394142869</v>
      </c>
      <c r="T67" s="296">
        <v>9.7569562106019202E-3</v>
      </c>
      <c r="U67" s="297">
        <v>0.41204099339409267</v>
      </c>
      <c r="V67" s="296">
        <v>1.0629491615611822E-2</v>
      </c>
      <c r="W67" s="74">
        <v>8597</v>
      </c>
      <c r="X67" s="75">
        <v>73.900000000000006</v>
      </c>
      <c r="Y67" s="76">
        <v>0.53157993772949064</v>
      </c>
      <c r="Z67" s="295">
        <v>0.22784727349514175</v>
      </c>
      <c r="AA67" s="296">
        <v>9.0471968192979112E-3</v>
      </c>
      <c r="AB67" s="297">
        <v>0.54810613424163757</v>
      </c>
      <c r="AC67" s="296">
        <v>1.0732674611188835E-2</v>
      </c>
      <c r="AD67" s="74">
        <v>8608</v>
      </c>
      <c r="AE67" s="75">
        <v>79.900000000000006</v>
      </c>
      <c r="AF67" s="76">
        <v>0.41785688438405927</v>
      </c>
      <c r="AG67" s="295">
        <v>0.13214380541779616</v>
      </c>
      <c r="AH67" s="296">
        <v>7.3023576826835492E-3</v>
      </c>
      <c r="AI67" s="297">
        <v>0.65143159250061433</v>
      </c>
      <c r="AJ67" s="296">
        <v>1.0270149607307251E-2</v>
      </c>
      <c r="AK67" s="74">
        <v>8599</v>
      </c>
      <c r="AL67" s="75">
        <v>67.904732219742087</v>
      </c>
      <c r="AM67" s="76">
        <v>0.52990660255985966</v>
      </c>
      <c r="AN67" s="295">
        <v>0.30692797835391811</v>
      </c>
      <c r="AO67" s="296">
        <v>9.9459857142682826E-3</v>
      </c>
      <c r="AP67" s="297">
        <v>0.4177179721608541</v>
      </c>
      <c r="AQ67" s="296">
        <v>1.0634545333156572E-2</v>
      </c>
      <c r="AR67" s="74">
        <v>8596</v>
      </c>
      <c r="AS67" s="75">
        <v>66.794773861409993</v>
      </c>
      <c r="AT67" s="76">
        <v>0.55093223520780721</v>
      </c>
      <c r="AU67" s="295">
        <v>0.33223827389589</v>
      </c>
      <c r="AV67" s="296">
        <v>1.0158789930415715E-2</v>
      </c>
      <c r="AW67" s="297">
        <v>0.42084903614586078</v>
      </c>
      <c r="AX67" s="296">
        <v>1.0647435576317366E-2</v>
      </c>
    </row>
    <row r="68" spans="1:50" s="5" customFormat="1">
      <c r="A68" s="45" t="s">
        <v>436</v>
      </c>
      <c r="B68" s="54">
        <v>1969</v>
      </c>
      <c r="C68" s="55">
        <v>69.8</v>
      </c>
      <c r="D68" s="56">
        <v>0.98</v>
      </c>
      <c r="E68" s="291">
        <v>0.27200000000000002</v>
      </c>
      <c r="F68" s="298">
        <v>2.0046907378907096E-2</v>
      </c>
      <c r="G68" s="291">
        <v>0.39700000000000002</v>
      </c>
      <c r="H68" s="298">
        <v>2.2032274769443777E-2</v>
      </c>
      <c r="I68" s="54">
        <v>1969</v>
      </c>
      <c r="J68" s="55">
        <v>67.099999999999994</v>
      </c>
      <c r="K68" s="56">
        <v>0.98</v>
      </c>
      <c r="L68" s="291">
        <v>0.29499999999999998</v>
      </c>
      <c r="M68" s="298">
        <v>2.054232907135875E-2</v>
      </c>
      <c r="N68" s="291">
        <v>0.33600000000000002</v>
      </c>
      <c r="O68" s="298">
        <v>2.1272872760411617E-2</v>
      </c>
      <c r="P68" s="54">
        <v>1965</v>
      </c>
      <c r="Q68" s="55">
        <v>63.7</v>
      </c>
      <c r="R68" s="56">
        <v>0.98</v>
      </c>
      <c r="S68" s="291">
        <v>0.36199999999999999</v>
      </c>
      <c r="T68" s="298">
        <v>2.1664288239265389E-2</v>
      </c>
      <c r="U68" s="291">
        <v>0.29599999999999999</v>
      </c>
      <c r="V68" s="298">
        <v>2.0583312508429628E-2</v>
      </c>
      <c r="W68" s="54">
        <v>1964</v>
      </c>
      <c r="X68" s="55">
        <v>69.599999999999994</v>
      </c>
      <c r="Y68" s="56">
        <v>1.1759999999999999</v>
      </c>
      <c r="Z68" s="291">
        <v>0.28299999999999997</v>
      </c>
      <c r="AA68" s="298">
        <v>2.0317711453690449E-2</v>
      </c>
      <c r="AB68" s="291">
        <v>0.42499999999999999</v>
      </c>
      <c r="AC68" s="298">
        <v>2.2287745120421008E-2</v>
      </c>
      <c r="AD68" s="54">
        <v>1970</v>
      </c>
      <c r="AE68" s="55">
        <v>72.900000000000006</v>
      </c>
      <c r="AF68" s="56">
        <v>0.98</v>
      </c>
      <c r="AG68" s="291">
        <v>0.22900000000000001</v>
      </c>
      <c r="AH68" s="298">
        <v>1.8930702384304169E-2</v>
      </c>
      <c r="AI68" s="291">
        <v>0.47899999999999998</v>
      </c>
      <c r="AJ68" s="298">
        <v>2.2487676932628646E-2</v>
      </c>
      <c r="AK68" s="54">
        <v>1968</v>
      </c>
      <c r="AL68" s="55">
        <v>61.6</v>
      </c>
      <c r="AM68" s="56">
        <v>0.98</v>
      </c>
      <c r="AN68" s="291">
        <v>0.40699999999999997</v>
      </c>
      <c r="AO68" s="298">
        <v>2.2127514085083181E-2</v>
      </c>
      <c r="AP68" s="291">
        <v>0.252</v>
      </c>
      <c r="AQ68" s="298">
        <v>1.9566563776093275E-2</v>
      </c>
      <c r="AR68" s="54">
        <v>1965</v>
      </c>
      <c r="AS68" s="55">
        <v>63.4</v>
      </c>
      <c r="AT68" s="56">
        <v>1.1759999999999999</v>
      </c>
      <c r="AU68" s="291">
        <v>0.377</v>
      </c>
      <c r="AV68" s="298">
        <v>2.1846335609011686E-2</v>
      </c>
      <c r="AW68" s="291">
        <v>0.30399999999999999</v>
      </c>
      <c r="AX68" s="298">
        <v>2.0739988669619021E-2</v>
      </c>
    </row>
    <row r="69" spans="1:50" s="5" customFormat="1">
      <c r="A69" s="49" t="s">
        <v>437</v>
      </c>
      <c r="B69" s="74">
        <v>3062</v>
      </c>
      <c r="C69" s="75">
        <v>74.165992351447272</v>
      </c>
      <c r="D69" s="76">
        <v>0.7056</v>
      </c>
      <c r="E69" s="295">
        <v>0.19336708819138235</v>
      </c>
      <c r="F69" s="296">
        <v>1.4276252640755206E-2</v>
      </c>
      <c r="G69" s="297">
        <v>0.50938504952897545</v>
      </c>
      <c r="H69" s="296">
        <v>1.8056667721562121E-2</v>
      </c>
      <c r="I69" s="74">
        <v>3061</v>
      </c>
      <c r="J69" s="75">
        <v>67.838089848697294</v>
      </c>
      <c r="K69" s="76">
        <v>0.78400000000000003</v>
      </c>
      <c r="L69" s="295">
        <v>0.29367407721509703</v>
      </c>
      <c r="M69" s="296">
        <v>1.6457594116803947E-2</v>
      </c>
      <c r="N69" s="297">
        <v>0.38182868932220598</v>
      </c>
      <c r="O69" s="296">
        <v>1.7552418492906983E-2</v>
      </c>
      <c r="P69" s="74">
        <v>3055</v>
      </c>
      <c r="Q69" s="75">
        <v>68.241762154924757</v>
      </c>
      <c r="R69" s="76">
        <v>0.80359999999999998</v>
      </c>
      <c r="S69" s="295">
        <v>0.28607506074999911</v>
      </c>
      <c r="T69" s="296">
        <v>1.6346834360337664E-2</v>
      </c>
      <c r="U69" s="297">
        <v>0.4003397068620772</v>
      </c>
      <c r="V69" s="296">
        <v>1.7718653499944063E-2</v>
      </c>
      <c r="W69" s="74">
        <v>3051</v>
      </c>
      <c r="X69" s="75">
        <v>72.573074718624042</v>
      </c>
      <c r="Y69" s="76">
        <v>0.84279999999999999</v>
      </c>
      <c r="Z69" s="295">
        <v>0.24612343860653157</v>
      </c>
      <c r="AA69" s="296">
        <v>1.5593668707566285E-2</v>
      </c>
      <c r="AB69" s="297">
        <v>0.50954283127608613</v>
      </c>
      <c r="AC69" s="296">
        <v>1.8089038653034212E-2</v>
      </c>
      <c r="AD69" s="74">
        <v>3058</v>
      </c>
      <c r="AE69" s="75">
        <v>77.73400843382538</v>
      </c>
      <c r="AF69" s="76">
        <v>0.7056</v>
      </c>
      <c r="AG69" s="295">
        <v>0.17395699830794042</v>
      </c>
      <c r="AH69" s="296">
        <v>1.371414413666765E-2</v>
      </c>
      <c r="AI69" s="297">
        <v>0.59988210119369645</v>
      </c>
      <c r="AJ69" s="296">
        <v>1.7708342308178703E-2</v>
      </c>
      <c r="AK69" s="74">
        <v>3058</v>
      </c>
      <c r="AL69" s="75">
        <v>67.215784659205738</v>
      </c>
      <c r="AM69" s="76">
        <v>0.86239999999999994</v>
      </c>
      <c r="AN69" s="295">
        <v>0.31973152434639923</v>
      </c>
      <c r="AO69" s="296">
        <v>1.6859511887132021E-2</v>
      </c>
      <c r="AP69" s="297">
        <v>0.38419304726042752</v>
      </c>
      <c r="AQ69" s="296">
        <v>1.7581526659779082E-2</v>
      </c>
      <c r="AR69" s="74">
        <v>3059</v>
      </c>
      <c r="AS69" s="75">
        <v>66.712177502530238</v>
      </c>
      <c r="AT69" s="76">
        <v>0.90160000000000007</v>
      </c>
      <c r="AU69" s="295">
        <v>0.32915207742284508</v>
      </c>
      <c r="AV69" s="296">
        <v>1.6984069045380565E-2</v>
      </c>
      <c r="AW69" s="297">
        <v>0.39332712454056468</v>
      </c>
      <c r="AX69" s="296">
        <v>1.7653782070635067E-2</v>
      </c>
    </row>
    <row r="70" spans="1:50" s="5" customFormat="1">
      <c r="A70" s="45" t="s">
        <v>438</v>
      </c>
      <c r="B70" s="54">
        <v>2473</v>
      </c>
      <c r="C70" s="55">
        <v>76.95</v>
      </c>
      <c r="D70" s="56">
        <v>0.78400000000000003</v>
      </c>
      <c r="E70" s="291">
        <v>0.13800000000000001</v>
      </c>
      <c r="F70" s="298">
        <v>1.3884516653707282E-2</v>
      </c>
      <c r="G70" s="291">
        <v>0.56799999999999995</v>
      </c>
      <c r="H70" s="298">
        <v>1.9906560983348375E-2</v>
      </c>
      <c r="I70" s="54">
        <v>2473</v>
      </c>
      <c r="J70" s="55">
        <v>68.3</v>
      </c>
      <c r="K70" s="56">
        <v>0.78400000000000003</v>
      </c>
      <c r="L70" s="291">
        <v>0.28799999999999998</v>
      </c>
      <c r="M70" s="298">
        <v>1.8203578464926692E-2</v>
      </c>
      <c r="N70" s="291">
        <v>0.40899999999999997</v>
      </c>
      <c r="O70" s="298">
        <v>1.97581552041537E-2</v>
      </c>
      <c r="P70" s="54">
        <v>2466</v>
      </c>
      <c r="Q70" s="55">
        <v>70.72</v>
      </c>
      <c r="R70" s="56">
        <v>0.78400000000000003</v>
      </c>
      <c r="S70" s="291">
        <v>0.24399999999999999</v>
      </c>
      <c r="T70" s="298">
        <v>1.7293657561767973E-2</v>
      </c>
      <c r="U70" s="291">
        <v>0.45600000000000002</v>
      </c>
      <c r="V70" s="298">
        <v>2.0043283744639102E-2</v>
      </c>
      <c r="W70" s="54">
        <v>2464</v>
      </c>
      <c r="X70" s="55">
        <v>74.97</v>
      </c>
      <c r="Y70" s="56">
        <v>0.98</v>
      </c>
      <c r="Z70" s="291">
        <v>0.217</v>
      </c>
      <c r="AA70" s="298">
        <v>1.6607315048762509E-2</v>
      </c>
      <c r="AB70" s="291">
        <v>0.56599999999999995</v>
      </c>
      <c r="AC70" s="298">
        <v>1.995367846862095E-2</v>
      </c>
      <c r="AD70" s="54">
        <v>2469</v>
      </c>
      <c r="AE70" s="55">
        <v>80.33</v>
      </c>
      <c r="AF70" s="56">
        <v>0.78400000000000003</v>
      </c>
      <c r="AG70" s="291">
        <v>0.13800000000000001</v>
      </c>
      <c r="AH70" s="298">
        <v>1.3895780779622235E-2</v>
      </c>
      <c r="AI70" s="291">
        <v>0.66</v>
      </c>
      <c r="AJ70" s="298">
        <v>1.9055020572287862E-2</v>
      </c>
      <c r="AK70" s="54">
        <v>2469</v>
      </c>
      <c r="AL70" s="55">
        <v>69.5</v>
      </c>
      <c r="AM70" s="56">
        <v>0.98</v>
      </c>
      <c r="AN70" s="291">
        <v>0.28199999999999997</v>
      </c>
      <c r="AO70" s="298">
        <v>1.8103785478500133E-2</v>
      </c>
      <c r="AP70" s="291">
        <v>0.443</v>
      </c>
      <c r="AQ70" s="298">
        <v>1.9978213034590964E-2</v>
      </c>
      <c r="AR70" s="54">
        <v>2471</v>
      </c>
      <c r="AS70" s="55">
        <v>68.069999999999993</v>
      </c>
      <c r="AT70" s="56">
        <v>0.98</v>
      </c>
      <c r="AU70" s="291">
        <v>0.312</v>
      </c>
      <c r="AV70" s="298">
        <v>1.8630707828886938E-2</v>
      </c>
      <c r="AW70" s="291">
        <v>0.438</v>
      </c>
      <c r="AX70" s="298">
        <v>1.9946126026138569E-2</v>
      </c>
    </row>
    <row r="71" spans="1:50" s="5" customFormat="1">
      <c r="A71" s="49" t="s">
        <v>449</v>
      </c>
      <c r="B71" s="74">
        <v>293</v>
      </c>
      <c r="C71" s="75">
        <v>77.51447413247169</v>
      </c>
      <c r="D71" s="76">
        <v>2.1560000000000001</v>
      </c>
      <c r="E71" s="295">
        <v>0.15453186539153144</v>
      </c>
      <c r="F71" s="296">
        <v>4.2457328453162496E-2</v>
      </c>
      <c r="G71" s="297">
        <v>0.57624735519612813</v>
      </c>
      <c r="H71" s="296">
        <v>5.7365492881043936E-2</v>
      </c>
      <c r="I71" s="74">
        <v>293</v>
      </c>
      <c r="J71" s="75">
        <v>68.503771736487323</v>
      </c>
      <c r="K71" s="76">
        <v>2.7635999999999998</v>
      </c>
      <c r="L71" s="295">
        <v>0.28777146846910973</v>
      </c>
      <c r="M71" s="296">
        <v>5.269365179733853E-2</v>
      </c>
      <c r="N71" s="297">
        <v>0.43917085006510198</v>
      </c>
      <c r="O71" s="296">
        <v>5.760644507140409E-2</v>
      </c>
      <c r="P71" s="74">
        <v>291</v>
      </c>
      <c r="Q71" s="75">
        <v>68.373183753021593</v>
      </c>
      <c r="R71" s="76">
        <v>2.7831999999999999</v>
      </c>
      <c r="S71" s="295">
        <v>0.27465587678344994</v>
      </c>
      <c r="T71" s="296">
        <v>5.2152029910722451E-2</v>
      </c>
      <c r="U71" s="297">
        <v>0.45381631488704482</v>
      </c>
      <c r="V71" s="296">
        <v>5.7980068734730821E-2</v>
      </c>
      <c r="W71" s="74">
        <v>293</v>
      </c>
      <c r="X71" s="75">
        <v>74.592991550744514</v>
      </c>
      <c r="Y71" s="76">
        <v>2.6459999999999999</v>
      </c>
      <c r="Z71" s="295">
        <v>0.19983735766487423</v>
      </c>
      <c r="AA71" s="296">
        <v>4.6755027065577187E-2</v>
      </c>
      <c r="AB71" s="297">
        <v>0.54419028457131069</v>
      </c>
      <c r="AC71" s="296">
        <v>5.7804904048826468E-2</v>
      </c>
      <c r="AD71" s="74">
        <v>293</v>
      </c>
      <c r="AE71" s="75">
        <v>79.400310222944455</v>
      </c>
      <c r="AF71" s="76">
        <v>2.0775999999999999</v>
      </c>
      <c r="AG71" s="295">
        <v>0.12649778650780749</v>
      </c>
      <c r="AH71" s="296">
        <v>3.9222832828368526E-2</v>
      </c>
      <c r="AI71" s="297">
        <v>0.61642038544088829</v>
      </c>
      <c r="AJ71" s="296">
        <v>5.6474292399618597E-2</v>
      </c>
      <c r="AK71" s="74">
        <v>292</v>
      </c>
      <c r="AL71" s="75">
        <v>67.021103585978423</v>
      </c>
      <c r="AM71" s="76">
        <v>2.8615999999999997</v>
      </c>
      <c r="AN71" s="295">
        <v>0.34860845100468479</v>
      </c>
      <c r="AO71" s="296">
        <v>5.5470451927183875E-2</v>
      </c>
      <c r="AP71" s="297">
        <v>0.41898582453125727</v>
      </c>
      <c r="AQ71" s="296">
        <v>5.7376529151349144E-2</v>
      </c>
      <c r="AR71" s="74">
        <v>293</v>
      </c>
      <c r="AS71" s="75">
        <v>68.445271800037929</v>
      </c>
      <c r="AT71" s="76">
        <v>3.0771999999999999</v>
      </c>
      <c r="AU71" s="295">
        <v>0.33223019171703128</v>
      </c>
      <c r="AV71" s="296">
        <v>5.4754591335676644E-2</v>
      </c>
      <c r="AW71" s="297">
        <v>0.48703143088373324</v>
      </c>
      <c r="AX71" s="296">
        <v>5.8006886379951203E-2</v>
      </c>
    </row>
    <row r="72" spans="1:50" s="5" customFormat="1">
      <c r="A72" s="45" t="s">
        <v>439</v>
      </c>
      <c r="B72" s="54">
        <v>146</v>
      </c>
      <c r="C72" s="55">
        <v>80.241884851549898</v>
      </c>
      <c r="D72" s="56">
        <v>2.7243999999999997</v>
      </c>
      <c r="E72" s="291">
        <v>0.10504031228766018</v>
      </c>
      <c r="F72" s="298">
        <v>5.2208696988248371E-2</v>
      </c>
      <c r="G72" s="291">
        <v>0.57992310727953167</v>
      </c>
      <c r="H72" s="298">
        <v>8.0655387429665368E-2</v>
      </c>
      <c r="I72" s="54">
        <v>146</v>
      </c>
      <c r="J72" s="55">
        <v>72.807972834812958</v>
      </c>
      <c r="K72" s="56">
        <v>3.5672000000000001</v>
      </c>
      <c r="L72" s="291">
        <v>0.24205705438826575</v>
      </c>
      <c r="M72" s="298">
        <v>7.0610033919423429E-2</v>
      </c>
      <c r="N72" s="291">
        <v>0.49177163484281178</v>
      </c>
      <c r="O72" s="298">
        <v>8.1639182887738054E-2</v>
      </c>
      <c r="P72" s="54">
        <v>145</v>
      </c>
      <c r="Q72" s="55">
        <v>72.436922338484194</v>
      </c>
      <c r="R72" s="56">
        <v>3.7435999999999998</v>
      </c>
      <c r="S72" s="291">
        <v>0.20866872508977782</v>
      </c>
      <c r="T72" s="298">
        <v>6.7480429015135374E-2</v>
      </c>
      <c r="U72" s="291">
        <v>0.49004406522919552</v>
      </c>
      <c r="V72" s="298">
        <v>8.190781032178264E-2</v>
      </c>
      <c r="W72" s="54">
        <v>146</v>
      </c>
      <c r="X72" s="55">
        <v>76.777953479091266</v>
      </c>
      <c r="Y72" s="56">
        <v>3.1752000000000002</v>
      </c>
      <c r="Z72" s="291">
        <v>0.17220685468095492</v>
      </c>
      <c r="AA72" s="298">
        <v>6.2866169944029951E-2</v>
      </c>
      <c r="AB72" s="291">
        <v>0.58698012690284551</v>
      </c>
      <c r="AC72" s="298">
        <v>8.0470710726552833E-2</v>
      </c>
      <c r="AD72" s="54">
        <v>146</v>
      </c>
      <c r="AE72" s="55">
        <v>78.854587609172825</v>
      </c>
      <c r="AF72" s="56">
        <v>2.9792000000000001</v>
      </c>
      <c r="AG72" s="291">
        <v>0.10786440911148522</v>
      </c>
      <c r="AH72" s="298">
        <v>5.2743761563522978E-2</v>
      </c>
      <c r="AI72" s="291">
        <v>0.58772122530693394</v>
      </c>
      <c r="AJ72" s="298">
        <v>8.045038476546483E-2</v>
      </c>
      <c r="AK72" s="54">
        <v>146</v>
      </c>
      <c r="AL72" s="55">
        <v>65.83745817495533</v>
      </c>
      <c r="AM72" s="56">
        <v>3.7631999999999999</v>
      </c>
      <c r="AN72" s="291">
        <v>0.37131541415540514</v>
      </c>
      <c r="AO72" s="298">
        <v>7.9046262702359218E-2</v>
      </c>
      <c r="AP72" s="291">
        <v>0.37709765055588401</v>
      </c>
      <c r="AQ72" s="298">
        <v>7.927839058405875E-2</v>
      </c>
      <c r="AR72" s="54">
        <v>146</v>
      </c>
      <c r="AS72" s="55">
        <v>67.590852181143035</v>
      </c>
      <c r="AT72" s="56">
        <v>4.2728000000000002</v>
      </c>
      <c r="AU72" s="291">
        <v>0.3418112200762663</v>
      </c>
      <c r="AV72" s="298">
        <v>7.7681934766014399E-2</v>
      </c>
      <c r="AW72" s="291">
        <v>0.44764600942278565</v>
      </c>
      <c r="AX72" s="298">
        <v>8.1224510921560342E-2</v>
      </c>
    </row>
    <row r="73" spans="1:50" s="5" customFormat="1" ht="31.5" customHeight="1">
      <c r="A73" s="49" t="s">
        <v>440</v>
      </c>
      <c r="B73" s="74">
        <v>92</v>
      </c>
      <c r="C73" s="75">
        <v>72.594457725701957</v>
      </c>
      <c r="D73" s="76">
        <v>4.0376000000000003</v>
      </c>
      <c r="E73" s="295">
        <v>0.18920641268828578</v>
      </c>
      <c r="F73" s="296">
        <v>8.1977903103107E-2</v>
      </c>
      <c r="G73" s="297">
        <v>0.57242482240341841</v>
      </c>
      <c r="H73" s="296">
        <v>0.10107395219369014</v>
      </c>
      <c r="I73" s="74">
        <v>92</v>
      </c>
      <c r="J73" s="75">
        <v>59.001998013237127</v>
      </c>
      <c r="K73" s="76">
        <v>5.5271999999999997</v>
      </c>
      <c r="L73" s="295">
        <v>0.35698146505168343</v>
      </c>
      <c r="M73" s="296">
        <v>9.8152668675083349E-2</v>
      </c>
      <c r="N73" s="297">
        <v>0.32089095775003318</v>
      </c>
      <c r="O73" s="296">
        <v>9.5859618251711687E-2</v>
      </c>
      <c r="P73" s="74">
        <v>92</v>
      </c>
      <c r="Q73" s="75">
        <v>58.4607239778449</v>
      </c>
      <c r="R73" s="76">
        <v>5.3115999999999994</v>
      </c>
      <c r="S73" s="295">
        <v>0.34816076413050701</v>
      </c>
      <c r="T73" s="296">
        <v>9.7644355302399344E-2</v>
      </c>
      <c r="U73" s="297">
        <v>0.34305593490513714</v>
      </c>
      <c r="V73" s="296">
        <v>9.7334992311694624E-2</v>
      </c>
      <c r="W73" s="74">
        <v>92</v>
      </c>
      <c r="X73" s="75">
        <v>69.863828309116855</v>
      </c>
      <c r="Y73" s="76">
        <v>5.39</v>
      </c>
      <c r="Z73" s="295">
        <v>0.25141215543287548</v>
      </c>
      <c r="AA73" s="296">
        <v>8.9732579242857394E-2</v>
      </c>
      <c r="AB73" s="297">
        <v>0.47985687325144843</v>
      </c>
      <c r="AC73" s="296">
        <v>0.10198597986876795</v>
      </c>
      <c r="AD73" s="74">
        <v>92</v>
      </c>
      <c r="AE73" s="75">
        <v>78.984708804067765</v>
      </c>
      <c r="AF73" s="76">
        <v>3.6652</v>
      </c>
      <c r="AG73" s="295">
        <v>0.16226924799217018</v>
      </c>
      <c r="AH73" s="296">
        <v>7.779382111139263E-2</v>
      </c>
      <c r="AI73" s="297">
        <v>0.60297557314327743</v>
      </c>
      <c r="AJ73" s="296">
        <v>0.10005441971816775</v>
      </c>
      <c r="AK73" s="74">
        <v>91</v>
      </c>
      <c r="AL73" s="75">
        <v>67.865561737119847</v>
      </c>
      <c r="AM73" s="76">
        <v>5.3507999999999996</v>
      </c>
      <c r="AN73" s="295">
        <v>0.34827267613858304</v>
      </c>
      <c r="AO73" s="296">
        <v>9.8167768699619198E-2</v>
      </c>
      <c r="AP73" s="297">
        <v>0.47923318838601653</v>
      </c>
      <c r="AQ73" s="296">
        <v>0.10251660541120153</v>
      </c>
      <c r="AR73" s="74">
        <v>92</v>
      </c>
      <c r="AS73" s="75">
        <v>67.760975430083946</v>
      </c>
      <c r="AT73" s="76">
        <v>5.4095999999999993</v>
      </c>
      <c r="AU73" s="295">
        <v>0.33626876700940167</v>
      </c>
      <c r="AV73" s="296">
        <v>9.690621214954083E-2</v>
      </c>
      <c r="AW73" s="297">
        <v>0.49778308399112026</v>
      </c>
      <c r="AX73" s="296">
        <v>0.1020611512588228</v>
      </c>
    </row>
    <row r="74" spans="1:50" s="5" customFormat="1">
      <c r="A74" s="45" t="s">
        <v>475</v>
      </c>
      <c r="B74" s="54">
        <v>263</v>
      </c>
      <c r="C74" s="55">
        <v>72.278928229327192</v>
      </c>
      <c r="D74" s="56">
        <v>2.5087999999999999</v>
      </c>
      <c r="E74" s="291">
        <v>0.18385692048156815</v>
      </c>
      <c r="F74" s="298">
        <v>4.7880276959693005E-2</v>
      </c>
      <c r="G74" s="291">
        <v>0.47421449507869889</v>
      </c>
      <c r="H74" s="298">
        <v>6.111999377096726E-2</v>
      </c>
      <c r="I74" s="54">
        <v>263</v>
      </c>
      <c r="J74" s="55">
        <v>64.186273351868181</v>
      </c>
      <c r="K74" s="56">
        <v>2.8028</v>
      </c>
      <c r="L74" s="291">
        <v>0.37293420985085218</v>
      </c>
      <c r="M74" s="298">
        <v>5.9250553877240472E-2</v>
      </c>
      <c r="N74" s="291">
        <v>0.35931172495361868</v>
      </c>
      <c r="O74" s="298">
        <v>5.8801439676819438E-2</v>
      </c>
      <c r="P74" s="54">
        <v>264</v>
      </c>
      <c r="Q74" s="55">
        <v>69.260378231655594</v>
      </c>
      <c r="R74" s="56">
        <v>2.7439999999999998</v>
      </c>
      <c r="S74" s="291">
        <v>0.25464181436717132</v>
      </c>
      <c r="T74" s="298">
        <v>5.3473802213053208E-2</v>
      </c>
      <c r="U74" s="291">
        <v>0.43588209796790184</v>
      </c>
      <c r="V74" s="298">
        <v>6.0595391478425339E-2</v>
      </c>
      <c r="W74" s="54">
        <v>261</v>
      </c>
      <c r="X74" s="55">
        <v>72.37902957615151</v>
      </c>
      <c r="Y74" s="56">
        <v>3.1752000000000002</v>
      </c>
      <c r="Z74" s="291">
        <v>0.24735534587037591</v>
      </c>
      <c r="AA74" s="298">
        <v>5.3282169318309799E-2</v>
      </c>
      <c r="AB74" s="291">
        <v>0.53529074662751142</v>
      </c>
      <c r="AC74" s="298">
        <v>6.1280903182576237E-2</v>
      </c>
      <c r="AD74" s="54">
        <v>261</v>
      </c>
      <c r="AE74" s="55">
        <v>75.930368461354846</v>
      </c>
      <c r="AF74" s="56">
        <v>2.7047999999999996</v>
      </c>
      <c r="AG74" s="291">
        <v>0.19826254931822365</v>
      </c>
      <c r="AH74" s="298">
        <v>4.9401292505173305E-2</v>
      </c>
      <c r="AI74" s="291">
        <v>0.55879943374946772</v>
      </c>
      <c r="AJ74" s="298">
        <v>6.1016077362006135E-2</v>
      </c>
      <c r="AK74" s="54">
        <v>263</v>
      </c>
      <c r="AL74" s="55">
        <v>68.375021947551403</v>
      </c>
      <c r="AM74" s="56">
        <v>3.0379999999999998</v>
      </c>
      <c r="AN74" s="291">
        <v>0.28682342994941545</v>
      </c>
      <c r="AO74" s="298">
        <v>5.5540541053373783E-2</v>
      </c>
      <c r="AP74" s="291">
        <v>0.41810244360493931</v>
      </c>
      <c r="AQ74" s="298">
        <v>6.0397218229219403E-2</v>
      </c>
      <c r="AR74" s="54">
        <v>260</v>
      </c>
      <c r="AS74" s="55">
        <v>64.077368451237632</v>
      </c>
      <c r="AT74" s="56">
        <v>3.1947999999999999</v>
      </c>
      <c r="AU74" s="291">
        <v>0.41237116497240289</v>
      </c>
      <c r="AV74" s="298">
        <v>6.0622042664972044E-2</v>
      </c>
      <c r="AW74" s="291">
        <v>0.36261866112945573</v>
      </c>
      <c r="AX74" s="298">
        <v>5.9249595726911457E-2</v>
      </c>
    </row>
    <row r="75" spans="1:50" s="5" customFormat="1">
      <c r="A75" s="49" t="s">
        <v>441</v>
      </c>
      <c r="B75" s="74">
        <v>82</v>
      </c>
      <c r="C75" s="75">
        <v>71.020387041335667</v>
      </c>
      <c r="D75" s="76">
        <v>4.41</v>
      </c>
      <c r="E75" s="295">
        <v>0.17793333063612649</v>
      </c>
      <c r="F75" s="296">
        <v>8.5098488045857471E-2</v>
      </c>
      <c r="G75" s="297">
        <v>0.41591343889360854</v>
      </c>
      <c r="H75" s="296">
        <v>0.10643742126015872</v>
      </c>
      <c r="I75" s="74">
        <v>82</v>
      </c>
      <c r="J75" s="75">
        <v>62.916976099294189</v>
      </c>
      <c r="K75" s="76">
        <v>4.7039999999999997</v>
      </c>
      <c r="L75" s="295">
        <v>0.38387607368751347</v>
      </c>
      <c r="M75" s="296">
        <v>0.10515557877676374</v>
      </c>
      <c r="N75" s="297">
        <v>0.27043378660581918</v>
      </c>
      <c r="O75" s="296">
        <v>9.6950654051857127E-2</v>
      </c>
      <c r="P75" s="74">
        <v>82</v>
      </c>
      <c r="Q75" s="75">
        <v>70.622679609999082</v>
      </c>
      <c r="R75" s="76">
        <v>4.5667999999999997</v>
      </c>
      <c r="S75" s="295">
        <v>0.24097042459699666</v>
      </c>
      <c r="T75" s="296">
        <v>9.3758731861574504E-2</v>
      </c>
      <c r="U75" s="297">
        <v>0.46077687087259345</v>
      </c>
      <c r="V75" s="296">
        <v>0.10753070517516244</v>
      </c>
      <c r="W75" s="74">
        <v>81</v>
      </c>
      <c r="X75" s="75">
        <v>68.917292230090865</v>
      </c>
      <c r="Y75" s="76">
        <v>6.1936</v>
      </c>
      <c r="Z75" s="295">
        <v>0.30224083157858478</v>
      </c>
      <c r="AA75" s="296">
        <v>0.10046609532587249</v>
      </c>
      <c r="AB75" s="297">
        <v>0.45450165963055456</v>
      </c>
      <c r="AC75" s="296">
        <v>0.10805666260128741</v>
      </c>
      <c r="AD75" s="74">
        <v>80</v>
      </c>
      <c r="AE75" s="75">
        <v>73.555828607826797</v>
      </c>
      <c r="AF75" s="76">
        <v>5.4291999999999998</v>
      </c>
      <c r="AG75" s="295">
        <v>0.22266839327961416</v>
      </c>
      <c r="AH75" s="296">
        <v>9.2643146615324079E-2</v>
      </c>
      <c r="AI75" s="297">
        <v>0.57134886818068598</v>
      </c>
      <c r="AJ75" s="296">
        <v>0.1080966543724005</v>
      </c>
      <c r="AK75" s="74">
        <v>82</v>
      </c>
      <c r="AL75" s="75">
        <v>66.391483800243904</v>
      </c>
      <c r="AM75" s="76">
        <v>5.9584000000000001</v>
      </c>
      <c r="AN75" s="295">
        <v>0.24383261430495326</v>
      </c>
      <c r="AO75" s="296">
        <v>9.4090667772254985E-2</v>
      </c>
      <c r="AP75" s="297">
        <v>0.35985266974071151</v>
      </c>
      <c r="AQ75" s="296">
        <v>0.10391036622771183</v>
      </c>
      <c r="AR75" s="74">
        <v>81</v>
      </c>
      <c r="AS75" s="75">
        <v>61.716784391701573</v>
      </c>
      <c r="AT75" s="76">
        <v>6.1936</v>
      </c>
      <c r="AU75" s="295">
        <v>0.44228462990548484</v>
      </c>
      <c r="AV75" s="296">
        <v>0.10780703266484278</v>
      </c>
      <c r="AW75" s="297">
        <v>0.31464673019092476</v>
      </c>
      <c r="AX75" s="296">
        <v>0.10147189087774244</v>
      </c>
    </row>
    <row r="76" spans="1:50" s="5" customFormat="1" ht="25.5">
      <c r="A76" s="45" t="s">
        <v>442</v>
      </c>
      <c r="B76" s="71">
        <v>108</v>
      </c>
      <c r="C76" s="72">
        <v>69.004574641185599</v>
      </c>
      <c r="D76" s="73">
        <v>4.1943999999999999</v>
      </c>
      <c r="E76" s="292">
        <v>0.2367703626140468</v>
      </c>
      <c r="F76" s="293">
        <v>8.140968978164094E-2</v>
      </c>
      <c r="G76" s="294">
        <v>0.49753632801958741</v>
      </c>
      <c r="H76" s="293">
        <v>9.4490051654541052E-2</v>
      </c>
      <c r="I76" s="71">
        <v>107</v>
      </c>
      <c r="J76" s="72">
        <v>60.232231121588519</v>
      </c>
      <c r="K76" s="73">
        <v>4.7431999999999999</v>
      </c>
      <c r="L76" s="292">
        <v>0.44887558429699598</v>
      </c>
      <c r="M76" s="293">
        <v>9.4453625623959342E-2</v>
      </c>
      <c r="N76" s="294">
        <v>0.36186383478229167</v>
      </c>
      <c r="O76" s="293">
        <v>9.1487974108939454E-2</v>
      </c>
      <c r="P76" s="71">
        <v>108</v>
      </c>
      <c r="Q76" s="72">
        <v>64.50819514393001</v>
      </c>
      <c r="R76" s="73">
        <v>4.6647999999999996</v>
      </c>
      <c r="S76" s="292">
        <v>0.36413567681023751</v>
      </c>
      <c r="T76" s="293">
        <v>9.1189725506169425E-2</v>
      </c>
      <c r="U76" s="294">
        <v>0.39480046627812115</v>
      </c>
      <c r="V76" s="293">
        <v>9.2525949633650684E-2</v>
      </c>
      <c r="W76" s="71">
        <v>106</v>
      </c>
      <c r="X76" s="72">
        <v>70.810707095198893</v>
      </c>
      <c r="Y76" s="73">
        <v>4.9783999999999997</v>
      </c>
      <c r="Z76" s="292">
        <v>0.2780448893598137</v>
      </c>
      <c r="AA76" s="293">
        <v>8.6182391752438997E-2</v>
      </c>
      <c r="AB76" s="294">
        <v>0.57104373872413972</v>
      </c>
      <c r="AC76" s="293">
        <v>9.4448289499958205E-2</v>
      </c>
      <c r="AD76" s="71">
        <v>107</v>
      </c>
      <c r="AE76" s="72">
        <v>79.250343764304944</v>
      </c>
      <c r="AF76" s="73">
        <v>4.0964</v>
      </c>
      <c r="AG76" s="292">
        <v>0.19080107798466955</v>
      </c>
      <c r="AH76" s="293">
        <v>7.6207930862693063E-2</v>
      </c>
      <c r="AI76" s="294">
        <v>0.62951231735291457</v>
      </c>
      <c r="AJ76" s="293">
        <v>9.1909409831981509E-2</v>
      </c>
      <c r="AK76" s="71">
        <v>107</v>
      </c>
      <c r="AL76" s="72">
        <v>67.41568628955352</v>
      </c>
      <c r="AM76" s="73">
        <v>4.6059999999999999</v>
      </c>
      <c r="AN76" s="292">
        <v>0.3317868299895822</v>
      </c>
      <c r="AO76" s="293">
        <v>8.978591402229795E-2</v>
      </c>
      <c r="AP76" s="294">
        <v>0.53329574324767248</v>
      </c>
      <c r="AQ76" s="293">
        <v>9.4720043336558715E-2</v>
      </c>
      <c r="AR76" s="71">
        <v>105</v>
      </c>
      <c r="AS76" s="72">
        <v>67.55593053385104</v>
      </c>
      <c r="AT76" s="73">
        <v>4.9000000000000004</v>
      </c>
      <c r="AU76" s="292">
        <v>0.39219120750982278</v>
      </c>
      <c r="AV76" s="293">
        <v>9.3693753894408982E-2</v>
      </c>
      <c r="AW76" s="294">
        <v>0.4991671993377757</v>
      </c>
      <c r="AX76" s="293">
        <v>9.5782505232995307E-2</v>
      </c>
    </row>
    <row r="77" spans="1:50">
      <c r="A77" s="49" t="s">
        <v>462</v>
      </c>
      <c r="B77" s="74">
        <v>69</v>
      </c>
      <c r="C77" s="75">
        <v>76.127139214923673</v>
      </c>
      <c r="D77" s="76">
        <v>4.1159999999999997</v>
      </c>
      <c r="E77" s="295">
        <v>0.14887444106336692</v>
      </c>
      <c r="F77" s="296">
        <v>8.7539208982143582E-2</v>
      </c>
      <c r="G77" s="297">
        <v>0.50936878334417868</v>
      </c>
      <c r="H77" s="296">
        <v>0.11702278936040152</v>
      </c>
      <c r="I77" s="74">
        <v>70</v>
      </c>
      <c r="J77" s="75">
        <v>68.396808335353398</v>
      </c>
      <c r="K77" s="76">
        <v>4.9979999999999993</v>
      </c>
      <c r="L77" s="295">
        <v>0.30297328621856784</v>
      </c>
      <c r="M77" s="296">
        <v>0.10786973001520211</v>
      </c>
      <c r="N77" s="297">
        <v>0.43677999666580103</v>
      </c>
      <c r="O77" s="296">
        <v>0.11541315592539936</v>
      </c>
      <c r="P77" s="74">
        <v>70</v>
      </c>
      <c r="Q77" s="75">
        <v>71.419900233261927</v>
      </c>
      <c r="R77" s="76">
        <v>5.0763999999999996</v>
      </c>
      <c r="S77" s="295">
        <v>0.17550113392347946</v>
      </c>
      <c r="T77" s="296">
        <v>9.1762486816619915E-2</v>
      </c>
      <c r="U77" s="297">
        <v>0.43934600264520512</v>
      </c>
      <c r="V77" s="296">
        <v>0.11547974272846422</v>
      </c>
      <c r="W77" s="74">
        <v>70</v>
      </c>
      <c r="X77" s="75">
        <v>76.197067160223284</v>
      </c>
      <c r="Y77" s="76">
        <v>5.5271999999999997</v>
      </c>
      <c r="Z77" s="295">
        <v>0.18182612829248265</v>
      </c>
      <c r="AA77" s="296">
        <v>9.2827616578209676E-2</v>
      </c>
      <c r="AB77" s="297">
        <v>0.55398645515010481</v>
      </c>
      <c r="AC77" s="296">
        <v>0.11563970887342959</v>
      </c>
      <c r="AD77" s="74">
        <v>70</v>
      </c>
      <c r="AE77" s="75">
        <v>73.666066685695569</v>
      </c>
      <c r="AF77" s="76">
        <v>4.6059999999999999</v>
      </c>
      <c r="AG77" s="295">
        <v>0.19748429196610284</v>
      </c>
      <c r="AH77" s="296">
        <v>9.5326025747282828E-2</v>
      </c>
      <c r="AI77" s="297">
        <v>0.4532988494174085</v>
      </c>
      <c r="AJ77" s="296">
        <v>0.11579301512724482</v>
      </c>
      <c r="AK77" s="74">
        <v>70</v>
      </c>
      <c r="AL77" s="75">
        <v>71.289474477980008</v>
      </c>
      <c r="AM77" s="76">
        <v>5.5076000000000001</v>
      </c>
      <c r="AN77" s="295">
        <v>0.2771467243936902</v>
      </c>
      <c r="AO77" s="296">
        <v>0.10541048319896912</v>
      </c>
      <c r="AP77" s="297">
        <v>0.38104507472642252</v>
      </c>
      <c r="AQ77" s="296">
        <v>0.11326556698288094</v>
      </c>
      <c r="AR77" s="74">
        <v>70</v>
      </c>
      <c r="AS77" s="75">
        <v>61.556938822545263</v>
      </c>
      <c r="AT77" s="76">
        <v>5.6448</v>
      </c>
      <c r="AU77" s="295">
        <v>0.42300534769736559</v>
      </c>
      <c r="AV77" s="296">
        <v>0.11500772859417643</v>
      </c>
      <c r="AW77" s="297">
        <v>0.26865407092946131</v>
      </c>
      <c r="AX77" s="296">
        <v>0.10452174968025421</v>
      </c>
    </row>
    <row r="78" spans="1:50">
      <c r="A78" s="45" t="s">
        <v>450</v>
      </c>
      <c r="B78" s="54">
        <v>309</v>
      </c>
      <c r="C78" s="55">
        <v>74.420249610592506</v>
      </c>
      <c r="D78" s="56">
        <v>2.2343999999999999</v>
      </c>
      <c r="E78" s="291">
        <v>0.16982072372321733</v>
      </c>
      <c r="F78" s="298">
        <v>4.2860983782656584E-2</v>
      </c>
      <c r="G78" s="291">
        <v>0.50311752258318887</v>
      </c>
      <c r="H78" s="298">
        <v>5.6522271091763658E-2</v>
      </c>
      <c r="I78" s="54">
        <v>309</v>
      </c>
      <c r="J78" s="55">
        <v>68.09251700543804</v>
      </c>
      <c r="K78" s="56">
        <v>2.4891999999999999</v>
      </c>
      <c r="L78" s="291">
        <v>0.27245248084131024</v>
      </c>
      <c r="M78" s="298">
        <v>5.0497469831482837E-2</v>
      </c>
      <c r="N78" s="291">
        <v>0.38372180478626949</v>
      </c>
      <c r="O78" s="298">
        <v>5.5013532821295161E-2</v>
      </c>
      <c r="P78" s="54">
        <v>309</v>
      </c>
      <c r="Q78" s="55">
        <v>69.567274760974811</v>
      </c>
      <c r="R78" s="56">
        <v>2.4304000000000001</v>
      </c>
      <c r="S78" s="291">
        <v>0.23572735459404096</v>
      </c>
      <c r="T78" s="298">
        <v>4.8218566750868823E-2</v>
      </c>
      <c r="U78" s="291">
        <v>0.40955362002212203</v>
      </c>
      <c r="V78" s="298">
        <v>5.5614740938608381E-2</v>
      </c>
      <c r="W78" s="54">
        <v>308</v>
      </c>
      <c r="X78" s="55">
        <v>75.796747077287719</v>
      </c>
      <c r="Y78" s="56">
        <v>2.5676000000000001</v>
      </c>
      <c r="Z78" s="291">
        <v>0.17574435916403827</v>
      </c>
      <c r="AA78" s="298">
        <v>4.3491369503944562E-2</v>
      </c>
      <c r="AB78" s="291">
        <v>0.53342245432912805</v>
      </c>
      <c r="AC78" s="298">
        <v>5.6490457387485489E-2</v>
      </c>
      <c r="AD78" s="54">
        <v>308</v>
      </c>
      <c r="AE78" s="55">
        <v>79.54616545806023</v>
      </c>
      <c r="AF78" s="56">
        <v>2.0972</v>
      </c>
      <c r="AG78" s="291">
        <v>0.10301199362192405</v>
      </c>
      <c r="AH78" s="298">
        <v>3.5158183039797737E-2</v>
      </c>
      <c r="AI78" s="291">
        <v>0.61957230523438966</v>
      </c>
      <c r="AJ78" s="298">
        <v>5.5013601731907585E-2</v>
      </c>
      <c r="AK78" s="54">
        <v>307</v>
      </c>
      <c r="AL78" s="55">
        <v>68.923549172567363</v>
      </c>
      <c r="AM78" s="56">
        <v>2.4695999999999998</v>
      </c>
      <c r="AN78" s="291">
        <v>0.23902569566512091</v>
      </c>
      <c r="AO78" s="298">
        <v>4.8598771965978733E-2</v>
      </c>
      <c r="AP78" s="291">
        <v>0.36302427482842348</v>
      </c>
      <c r="AQ78" s="298">
        <v>5.4591989064626777E-2</v>
      </c>
      <c r="AR78" s="54">
        <v>308</v>
      </c>
      <c r="AS78" s="55">
        <v>68.704379818850683</v>
      </c>
      <c r="AT78" s="56">
        <v>2.6459999999999999</v>
      </c>
      <c r="AU78" s="291">
        <v>0.2994046106703096</v>
      </c>
      <c r="AV78" s="298">
        <v>5.1984543144951038E-2</v>
      </c>
      <c r="AW78" s="291">
        <v>0.40924372012545052</v>
      </c>
      <c r="AX78" s="298">
        <v>5.5697574100033807E-2</v>
      </c>
    </row>
    <row r="79" spans="1:50">
      <c r="A79" s="49" t="s">
        <v>443</v>
      </c>
      <c r="B79" s="74">
        <v>160</v>
      </c>
      <c r="C79" s="75">
        <v>74.391906479413606</v>
      </c>
      <c r="D79" s="76">
        <v>3.2731999999999997</v>
      </c>
      <c r="E79" s="295">
        <v>0.1979080393426548</v>
      </c>
      <c r="F79" s="296">
        <v>6.3079091653282529E-2</v>
      </c>
      <c r="G79" s="297">
        <v>0.53411516195039344</v>
      </c>
      <c r="H79" s="296">
        <v>7.7913685241476405E-2</v>
      </c>
      <c r="I79" s="74">
        <v>160</v>
      </c>
      <c r="J79" s="75">
        <v>66.242694671141479</v>
      </c>
      <c r="K79" s="76">
        <v>3.5084</v>
      </c>
      <c r="L79" s="295">
        <v>0.31849578252297012</v>
      </c>
      <c r="M79" s="296">
        <v>7.3025828209896948E-2</v>
      </c>
      <c r="N79" s="297">
        <v>0.41060963410030976</v>
      </c>
      <c r="O79" s="296">
        <v>7.6889911193611105E-2</v>
      </c>
      <c r="P79" s="74">
        <v>160</v>
      </c>
      <c r="Q79" s="75">
        <v>68.574106006880129</v>
      </c>
      <c r="R79" s="76">
        <v>3.3712</v>
      </c>
      <c r="S79" s="295">
        <v>0.2554398810257425</v>
      </c>
      <c r="T79" s="296">
        <v>6.862274251339183E-2</v>
      </c>
      <c r="U79" s="297">
        <v>0.39557681018769009</v>
      </c>
      <c r="V79" s="296">
        <v>7.64488068809452E-2</v>
      </c>
      <c r="W79" s="74">
        <v>159</v>
      </c>
      <c r="X79" s="75">
        <v>75.381317410583932</v>
      </c>
      <c r="Y79" s="76">
        <v>3.7043999999999997</v>
      </c>
      <c r="Z79" s="295">
        <v>0.20764218645414342</v>
      </c>
      <c r="AA79" s="296">
        <v>6.4336239980576512E-2</v>
      </c>
      <c r="AB79" s="297">
        <v>0.54962463083855539</v>
      </c>
      <c r="AC79" s="296">
        <v>7.7958110038186895E-2</v>
      </c>
      <c r="AD79" s="74">
        <v>159</v>
      </c>
      <c r="AE79" s="75">
        <v>79.195027168994045</v>
      </c>
      <c r="AF79" s="76">
        <v>3.1752000000000002</v>
      </c>
      <c r="AG79" s="295">
        <v>0.12234619198863027</v>
      </c>
      <c r="AH79" s="296">
        <v>5.2959432470495615E-2</v>
      </c>
      <c r="AI79" s="297">
        <v>0.66079930146521493</v>
      </c>
      <c r="AJ79" s="296">
        <v>7.4372143391625373E-2</v>
      </c>
      <c r="AK79" s="74">
        <v>159</v>
      </c>
      <c r="AL79" s="75">
        <v>68.749544817248747</v>
      </c>
      <c r="AM79" s="76">
        <v>3.3908</v>
      </c>
      <c r="AN79" s="295">
        <v>0.29644437778787858</v>
      </c>
      <c r="AO79" s="296">
        <v>7.1885008828519961E-2</v>
      </c>
      <c r="AP79" s="297">
        <v>0.35471800977102025</v>
      </c>
      <c r="AQ79" s="296">
        <v>7.5114040414269237E-2</v>
      </c>
      <c r="AR79" s="74">
        <v>160</v>
      </c>
      <c r="AS79" s="75">
        <v>69.483303311382215</v>
      </c>
      <c r="AT79" s="76">
        <v>3.8024</v>
      </c>
      <c r="AU79" s="295">
        <v>0.27160558121338013</v>
      </c>
      <c r="AV79" s="296">
        <v>6.9904035930042741E-2</v>
      </c>
      <c r="AW79" s="297">
        <v>0.43069938319001455</v>
      </c>
      <c r="AX79" s="296">
        <v>7.7369692104410567E-2</v>
      </c>
    </row>
    <row r="80" spans="1:50">
      <c r="A80" s="57" t="s">
        <v>444</v>
      </c>
      <c r="B80" s="71">
        <v>149</v>
      </c>
      <c r="C80" s="72">
        <v>74.440463573833384</v>
      </c>
      <c r="D80" s="73">
        <v>3.0184000000000002</v>
      </c>
      <c r="E80" s="292">
        <v>0.14978920490522749</v>
      </c>
      <c r="F80" s="293">
        <v>5.9118031066294582E-2</v>
      </c>
      <c r="G80" s="294">
        <v>0.48101039761935938</v>
      </c>
      <c r="H80" s="293">
        <v>8.078989189540528E-2</v>
      </c>
      <c r="I80" s="71">
        <v>149</v>
      </c>
      <c r="J80" s="72">
        <v>69.411786934775293</v>
      </c>
      <c r="K80" s="73">
        <v>3.528</v>
      </c>
      <c r="L80" s="292">
        <v>0.23961497950884836</v>
      </c>
      <c r="M80" s="293">
        <v>6.9676829451573927E-2</v>
      </c>
      <c r="N80" s="294">
        <v>0.36454574445438198</v>
      </c>
      <c r="O80" s="293">
        <v>7.7980887372006133E-2</v>
      </c>
      <c r="P80" s="71">
        <v>149</v>
      </c>
      <c r="Q80" s="72">
        <v>70.275590174699403</v>
      </c>
      <c r="R80" s="73">
        <v>3.5084</v>
      </c>
      <c r="S80" s="292">
        <v>0.22166862966934622</v>
      </c>
      <c r="T80" s="293">
        <v>6.7934865308411641E-2</v>
      </c>
      <c r="U80" s="294">
        <v>0.41952170429928715</v>
      </c>
      <c r="V80" s="293">
        <v>7.9845843464561791E-2</v>
      </c>
      <c r="W80" s="71">
        <v>149</v>
      </c>
      <c r="X80" s="72">
        <v>76.092995903156122</v>
      </c>
      <c r="Y80" s="73">
        <v>3.5868000000000002</v>
      </c>
      <c r="Z80" s="292">
        <v>0.15299756315603086</v>
      </c>
      <c r="AA80" s="293">
        <v>5.9585275242542431E-2</v>
      </c>
      <c r="AB80" s="294">
        <v>0.5218684509610052</v>
      </c>
      <c r="AC80" s="293">
        <v>8.077184027349113E-2</v>
      </c>
      <c r="AD80" s="71">
        <v>149</v>
      </c>
      <c r="AE80" s="72">
        <v>79.794868644617381</v>
      </c>
      <c r="AF80" s="73">
        <v>2.7243999999999997</v>
      </c>
      <c r="AG80" s="292">
        <v>8.9318024909872326E-2</v>
      </c>
      <c r="AH80" s="293">
        <v>4.8518938787005618E-2</v>
      </c>
      <c r="AI80" s="294">
        <v>0.59037217054202096</v>
      </c>
      <c r="AJ80" s="293">
        <v>7.9582953476135226E-2</v>
      </c>
      <c r="AK80" s="71">
        <v>148</v>
      </c>
      <c r="AL80" s="72">
        <v>69.043752728792754</v>
      </c>
      <c r="AM80" s="73">
        <v>3.5868000000000002</v>
      </c>
      <c r="AN80" s="292">
        <v>0.19936042538306231</v>
      </c>
      <c r="AO80" s="293">
        <v>6.5756791523868208E-2</v>
      </c>
      <c r="AP80" s="294">
        <v>0.36876230705688756</v>
      </c>
      <c r="AQ80" s="293">
        <v>7.8417108699195576E-2</v>
      </c>
      <c r="AR80" s="71">
        <v>148</v>
      </c>
      <c r="AS80" s="72">
        <v>68.14657181767096</v>
      </c>
      <c r="AT80" s="73">
        <v>3.6847999999999996</v>
      </c>
      <c r="AU80" s="292">
        <v>0.31931224114485146</v>
      </c>
      <c r="AV80" s="293">
        <v>7.5923722734948282E-2</v>
      </c>
      <c r="AW80" s="294">
        <v>0.39387874443313731</v>
      </c>
      <c r="AX80" s="293">
        <v>7.9359807256002224E-2</v>
      </c>
    </row>
    <row r="81" spans="1:50">
      <c r="A81" s="49" t="s">
        <v>451</v>
      </c>
      <c r="B81" s="74">
        <v>90</v>
      </c>
      <c r="C81" s="75">
        <v>71.565733257713831</v>
      </c>
      <c r="D81" s="76">
        <v>4.1747999999999994</v>
      </c>
      <c r="E81" s="295">
        <v>0.23250352791127954</v>
      </c>
      <c r="F81" s="296">
        <v>8.8583606768008846E-2</v>
      </c>
      <c r="G81" s="297">
        <v>0.46530693340780632</v>
      </c>
      <c r="H81" s="296">
        <v>0.10291426848617895</v>
      </c>
      <c r="I81" s="74">
        <v>91</v>
      </c>
      <c r="J81" s="75">
        <v>61.514332963837184</v>
      </c>
      <c r="K81" s="76">
        <v>5.0960000000000001</v>
      </c>
      <c r="L81" s="295">
        <v>0.45794236535938732</v>
      </c>
      <c r="M81" s="296">
        <v>0.10226425517493322</v>
      </c>
      <c r="N81" s="297">
        <v>0.36937229946264671</v>
      </c>
      <c r="O81" s="296">
        <v>9.9333163384424078E-2</v>
      </c>
      <c r="P81" s="74">
        <v>91</v>
      </c>
      <c r="Q81" s="75">
        <v>67.919972941700792</v>
      </c>
      <c r="R81" s="76">
        <v>4.5471999999999992</v>
      </c>
      <c r="S81" s="295">
        <v>0.31273441897921034</v>
      </c>
      <c r="T81" s="296">
        <v>9.5767824347906358E-2</v>
      </c>
      <c r="U81" s="297">
        <v>0.38293531998496205</v>
      </c>
      <c r="V81" s="296">
        <v>9.9984335204586675E-2</v>
      </c>
      <c r="W81" s="74">
        <v>91</v>
      </c>
      <c r="X81" s="75">
        <v>74.482091846221806</v>
      </c>
      <c r="Y81" s="76">
        <v>4.7628000000000004</v>
      </c>
      <c r="Z81" s="295">
        <v>0.16873846232648171</v>
      </c>
      <c r="AA81" s="296">
        <v>7.9289483285326659E-2</v>
      </c>
      <c r="AB81" s="297">
        <v>0.57594674618120212</v>
      </c>
      <c r="AC81" s="296">
        <v>0.1015060453848934</v>
      </c>
      <c r="AD81" s="74">
        <v>91</v>
      </c>
      <c r="AE81" s="75">
        <v>84.487597844786819</v>
      </c>
      <c r="AF81" s="76">
        <v>3.4887999999999999</v>
      </c>
      <c r="AG81" s="295">
        <v>0.10495191597724725</v>
      </c>
      <c r="AH81" s="296">
        <v>6.7059276514942451E-2</v>
      </c>
      <c r="AI81" s="297">
        <v>0.79093090316942083</v>
      </c>
      <c r="AJ81" s="296">
        <v>8.5183838199030207E-2</v>
      </c>
      <c r="AK81" s="74">
        <v>91</v>
      </c>
      <c r="AL81" s="75">
        <v>71.088043638407115</v>
      </c>
      <c r="AM81" s="76">
        <v>4.9979999999999993</v>
      </c>
      <c r="AN81" s="295">
        <v>0.30657820946452585</v>
      </c>
      <c r="AO81" s="296">
        <v>9.5293931605727633E-2</v>
      </c>
      <c r="AP81" s="297">
        <v>0.57393320544870996</v>
      </c>
      <c r="AQ81" s="296">
        <v>0.10156346115712518</v>
      </c>
      <c r="AR81" s="74">
        <v>91</v>
      </c>
      <c r="AS81" s="75">
        <v>66.217075934197069</v>
      </c>
      <c r="AT81" s="76">
        <v>4.9587999999999992</v>
      </c>
      <c r="AU81" s="295">
        <v>0.29620243488226339</v>
      </c>
      <c r="AV81" s="296">
        <v>9.4454772964576966E-2</v>
      </c>
      <c r="AW81" s="297">
        <v>0.37767605862902126</v>
      </c>
      <c r="AX81" s="296">
        <v>9.9740796775507554E-2</v>
      </c>
    </row>
    <row r="82" spans="1:50">
      <c r="A82" s="57" t="s">
        <v>452</v>
      </c>
      <c r="B82" s="71">
        <v>323</v>
      </c>
      <c r="C82" s="72">
        <v>78.068204236696715</v>
      </c>
      <c r="D82" s="73">
        <v>1.9992000000000001</v>
      </c>
      <c r="E82" s="292">
        <v>0.12751173284158845</v>
      </c>
      <c r="F82" s="293">
        <v>3.7445359047791185E-2</v>
      </c>
      <c r="G82" s="294">
        <v>0.58719327556184553</v>
      </c>
      <c r="H82" s="293">
        <v>5.4473537392956885E-2</v>
      </c>
      <c r="I82" s="71">
        <v>323</v>
      </c>
      <c r="J82" s="72">
        <v>67.742764759245475</v>
      </c>
      <c r="K82" s="73">
        <v>2.3715999999999999</v>
      </c>
      <c r="L82" s="292">
        <v>0.32153027646187837</v>
      </c>
      <c r="M82" s="293">
        <v>5.1748986246259052E-2</v>
      </c>
      <c r="N82" s="294">
        <v>0.37088714147433677</v>
      </c>
      <c r="O82" s="293">
        <v>5.3470985279860155E-2</v>
      </c>
      <c r="P82" s="71">
        <v>321</v>
      </c>
      <c r="Q82" s="72">
        <v>70.93265344963487</v>
      </c>
      <c r="R82" s="73">
        <v>2.2931999999999997</v>
      </c>
      <c r="S82" s="292">
        <v>0.27207785478694158</v>
      </c>
      <c r="T82" s="293">
        <v>4.9529771499194387E-2</v>
      </c>
      <c r="U82" s="294">
        <v>0.42433480646411087</v>
      </c>
      <c r="V82" s="293">
        <v>5.4846901856459525E-2</v>
      </c>
      <c r="W82" s="71">
        <v>322</v>
      </c>
      <c r="X82" s="72">
        <v>77.974465949755981</v>
      </c>
      <c r="Y82" s="73">
        <v>2.5087999999999999</v>
      </c>
      <c r="Z82" s="292">
        <v>0.19210360252386061</v>
      </c>
      <c r="AA82" s="293">
        <v>4.3962047378258762E-2</v>
      </c>
      <c r="AB82" s="294">
        <v>0.6354357177310227</v>
      </c>
      <c r="AC82" s="293">
        <v>5.3365798163462118E-2</v>
      </c>
      <c r="AD82" s="71">
        <v>323</v>
      </c>
      <c r="AE82" s="72">
        <v>78.182695587342593</v>
      </c>
      <c r="AF82" s="73">
        <v>2.3127999999999997</v>
      </c>
      <c r="AG82" s="292">
        <v>0.18782287064585573</v>
      </c>
      <c r="AH82" s="293">
        <v>4.3531431508273946E-2</v>
      </c>
      <c r="AI82" s="294">
        <v>0.61017236963144583</v>
      </c>
      <c r="AJ82" s="293">
        <v>5.3974417507293482E-2</v>
      </c>
      <c r="AK82" s="71">
        <v>322</v>
      </c>
      <c r="AL82" s="72">
        <v>70.27489031428621</v>
      </c>
      <c r="AM82" s="73">
        <v>2.6264000000000003</v>
      </c>
      <c r="AN82" s="292">
        <v>0.25182400540114852</v>
      </c>
      <c r="AO82" s="293">
        <v>4.827208755211651E-2</v>
      </c>
      <c r="AP82" s="294">
        <v>0.44838517260678606</v>
      </c>
      <c r="AQ82" s="293">
        <v>5.5096222016755035E-2</v>
      </c>
      <c r="AR82" s="71">
        <v>323</v>
      </c>
      <c r="AS82" s="72">
        <v>66.474629959916257</v>
      </c>
      <c r="AT82" s="73">
        <v>2.9007999999999998</v>
      </c>
      <c r="AU82" s="292">
        <v>0.31606566990699242</v>
      </c>
      <c r="AV82" s="293">
        <v>5.1520108613482704E-2</v>
      </c>
      <c r="AW82" s="294">
        <v>0.41134186818905372</v>
      </c>
      <c r="AX82" s="293">
        <v>5.4445310726281705E-2</v>
      </c>
    </row>
    <row r="83" spans="1:50">
      <c r="A83" s="49" t="s">
        <v>445</v>
      </c>
      <c r="B83" s="74">
        <v>104</v>
      </c>
      <c r="C83" s="75">
        <v>77.738401822144496</v>
      </c>
      <c r="D83" s="76">
        <v>3.6259999999999999</v>
      </c>
      <c r="E83" s="295">
        <v>8.540022820607053E-2</v>
      </c>
      <c r="F83" s="296">
        <v>5.7928451735043775E-2</v>
      </c>
      <c r="G83" s="297">
        <v>0.52320675422997676</v>
      </c>
      <c r="H83" s="296">
        <v>9.6128887370072996E-2</v>
      </c>
      <c r="I83" s="74">
        <v>104</v>
      </c>
      <c r="J83" s="75">
        <v>65.835602076289931</v>
      </c>
      <c r="K83" s="76">
        <v>4.1551999999999998</v>
      </c>
      <c r="L83" s="295">
        <v>0.3054979999806402</v>
      </c>
      <c r="M83" s="296">
        <v>8.9218702562114727E-2</v>
      </c>
      <c r="N83" s="297">
        <v>0.2448125837102014</v>
      </c>
      <c r="O83" s="296">
        <v>8.3801750912820758E-2</v>
      </c>
      <c r="P83" s="74">
        <v>103</v>
      </c>
      <c r="Q83" s="75">
        <v>68.914234890131709</v>
      </c>
      <c r="R83" s="76">
        <v>4.3120000000000003</v>
      </c>
      <c r="S83" s="295">
        <v>0.35367374765127618</v>
      </c>
      <c r="T83" s="296">
        <v>9.2758263997690493E-2</v>
      </c>
      <c r="U83" s="297">
        <v>0.40011524874263349</v>
      </c>
      <c r="V83" s="296">
        <v>9.4869321797282719E-2</v>
      </c>
      <c r="W83" s="74">
        <v>103</v>
      </c>
      <c r="X83" s="75">
        <v>78.815453548961202</v>
      </c>
      <c r="Y83" s="76">
        <v>4.7431999999999999</v>
      </c>
      <c r="Z83" s="295">
        <v>0.22463407655331846</v>
      </c>
      <c r="AA83" s="296">
        <v>8.1970339657593219E-2</v>
      </c>
      <c r="AB83" s="297">
        <v>0.68435438914554858</v>
      </c>
      <c r="AC83" s="296">
        <v>9.0379679447255779E-2</v>
      </c>
      <c r="AD83" s="74">
        <v>105</v>
      </c>
      <c r="AE83" s="75">
        <v>81.390017704513184</v>
      </c>
      <c r="AF83" s="76">
        <v>3.9984000000000002</v>
      </c>
      <c r="AG83" s="295">
        <v>0.13968364811180661</v>
      </c>
      <c r="AH83" s="296">
        <v>6.8943785154287104E-2</v>
      </c>
      <c r="AI83" s="297">
        <v>0.65235736991364468</v>
      </c>
      <c r="AJ83" s="296">
        <v>9.1563315614786048E-2</v>
      </c>
      <c r="AK83" s="74">
        <v>104</v>
      </c>
      <c r="AL83" s="75">
        <v>68.466391879086473</v>
      </c>
      <c r="AM83" s="76">
        <v>4.7236000000000002</v>
      </c>
      <c r="AN83" s="295">
        <v>0.2189574632827983</v>
      </c>
      <c r="AO83" s="296">
        <v>8.0910897383649538E-2</v>
      </c>
      <c r="AP83" s="297">
        <v>0.32510009668457607</v>
      </c>
      <c r="AQ83" s="296">
        <v>9.0601689630057103E-2</v>
      </c>
      <c r="AR83" s="74">
        <v>104</v>
      </c>
      <c r="AS83" s="75">
        <v>67.255795830732424</v>
      </c>
      <c r="AT83" s="76">
        <v>5.1155999999999997</v>
      </c>
      <c r="AU83" s="295">
        <v>0.26298534484693209</v>
      </c>
      <c r="AV83" s="296">
        <v>8.5615024549407004E-2</v>
      </c>
      <c r="AW83" s="297">
        <v>0.36984873014761771</v>
      </c>
      <c r="AX83" s="296">
        <v>9.3153035660371392E-2</v>
      </c>
    </row>
    <row r="84" spans="1:50">
      <c r="A84" s="57" t="s">
        <v>446</v>
      </c>
      <c r="B84" s="71">
        <v>124</v>
      </c>
      <c r="C84" s="72">
        <v>80.263710689249379</v>
      </c>
      <c r="D84" s="73">
        <v>2.9988000000000001</v>
      </c>
      <c r="E84" s="292">
        <v>0.11121783013783375</v>
      </c>
      <c r="F84" s="293">
        <v>5.8134485492661502E-2</v>
      </c>
      <c r="G84" s="294">
        <v>0.63911489294717616</v>
      </c>
      <c r="H84" s="293">
        <v>8.5117144788389248E-2</v>
      </c>
      <c r="I84" s="71">
        <v>124</v>
      </c>
      <c r="J84" s="72">
        <v>71.683673308987807</v>
      </c>
      <c r="K84" s="73">
        <v>3.7827999999999999</v>
      </c>
      <c r="L84" s="292">
        <v>0.31713098424653852</v>
      </c>
      <c r="M84" s="293">
        <v>8.265446393785679E-2</v>
      </c>
      <c r="N84" s="294">
        <v>0.46542970122406019</v>
      </c>
      <c r="O84" s="293">
        <v>8.8189855823354979E-2</v>
      </c>
      <c r="P84" s="71">
        <v>123</v>
      </c>
      <c r="Q84" s="72">
        <v>75.198187817878022</v>
      </c>
      <c r="R84" s="73">
        <v>3.3515999999999999</v>
      </c>
      <c r="S84" s="292">
        <v>0.18980079489494567</v>
      </c>
      <c r="T84" s="293">
        <v>7.0931335320480626E-2</v>
      </c>
      <c r="U84" s="294">
        <v>0.46090838814689505</v>
      </c>
      <c r="V84" s="293">
        <v>8.8480896399377854E-2</v>
      </c>
      <c r="W84" s="71">
        <v>124</v>
      </c>
      <c r="X84" s="72">
        <v>81.62673381043632</v>
      </c>
      <c r="Y84" s="73">
        <v>3.7827999999999999</v>
      </c>
      <c r="Z84" s="292">
        <v>0.15755789878510557</v>
      </c>
      <c r="AA84" s="293">
        <v>6.6131509887824333E-2</v>
      </c>
      <c r="AB84" s="294">
        <v>0.70002535738834015</v>
      </c>
      <c r="AC84" s="293">
        <v>8.1480714353671005E-2</v>
      </c>
      <c r="AD84" s="71">
        <v>123</v>
      </c>
      <c r="AE84" s="72">
        <v>78.842634116984058</v>
      </c>
      <c r="AF84" s="73">
        <v>3.9592000000000001</v>
      </c>
      <c r="AG84" s="292">
        <v>0.18604726461150975</v>
      </c>
      <c r="AH84" s="293">
        <v>7.0441756587380056E-2</v>
      </c>
      <c r="AI84" s="294">
        <v>0.62182439500888254</v>
      </c>
      <c r="AJ84" s="293">
        <v>8.6229682665646679E-2</v>
      </c>
      <c r="AK84" s="71">
        <v>123</v>
      </c>
      <c r="AL84" s="72">
        <v>75.740218400584951</v>
      </c>
      <c r="AM84" s="73">
        <v>4.2531999999999996</v>
      </c>
      <c r="AN84" s="292">
        <v>0.21356803011458667</v>
      </c>
      <c r="AO84" s="293">
        <v>7.3825378081118748E-2</v>
      </c>
      <c r="AP84" s="294">
        <v>0.58478717097204236</v>
      </c>
      <c r="AQ84" s="293">
        <v>8.7530754301980276E-2</v>
      </c>
      <c r="AR84" s="71">
        <v>124</v>
      </c>
      <c r="AS84" s="72">
        <v>65.779095360668165</v>
      </c>
      <c r="AT84" s="73">
        <v>4.6452</v>
      </c>
      <c r="AU84" s="292">
        <v>0.39291679935675289</v>
      </c>
      <c r="AV84" s="293">
        <v>8.6465069866173264E-2</v>
      </c>
      <c r="AW84" s="294">
        <v>0.40795370715032164</v>
      </c>
      <c r="AX84" s="293">
        <v>8.6971392302476858E-2</v>
      </c>
    </row>
    <row r="85" spans="1:50">
      <c r="A85" s="49" t="s">
        <v>447</v>
      </c>
      <c r="B85" s="74">
        <v>95</v>
      </c>
      <c r="C85" s="75">
        <v>75.623895790714272</v>
      </c>
      <c r="D85" s="76">
        <v>3.92</v>
      </c>
      <c r="E85" s="295">
        <v>0.19286958829619735</v>
      </c>
      <c r="F85" s="296">
        <v>8.118801522575872E-2</v>
      </c>
      <c r="G85" s="297">
        <v>0.58892679647723378</v>
      </c>
      <c r="H85" s="296">
        <v>9.902925667063403E-2</v>
      </c>
      <c r="I85" s="74">
        <v>95</v>
      </c>
      <c r="J85" s="75">
        <v>64.748892374707879</v>
      </c>
      <c r="K85" s="76">
        <v>4.5471999999999992</v>
      </c>
      <c r="L85" s="295">
        <v>0.34411712931655913</v>
      </c>
      <c r="M85" s="296">
        <v>9.590071792884737E-2</v>
      </c>
      <c r="N85" s="297">
        <v>0.38417756511757167</v>
      </c>
      <c r="O85" s="296">
        <v>9.7989340014832546E-2</v>
      </c>
      <c r="P85" s="74">
        <v>95</v>
      </c>
      <c r="Q85" s="75">
        <v>67.611026011645265</v>
      </c>
      <c r="R85" s="76">
        <v>4.41</v>
      </c>
      <c r="S85" s="295">
        <v>0.29166127745323139</v>
      </c>
      <c r="T85" s="296">
        <v>9.2120166406671589E-2</v>
      </c>
      <c r="U85" s="297">
        <v>0.40306322675799905</v>
      </c>
      <c r="V85" s="296">
        <v>9.8749198551374581E-2</v>
      </c>
      <c r="W85" s="74">
        <v>95</v>
      </c>
      <c r="X85" s="75">
        <v>72.44874069232911</v>
      </c>
      <c r="Y85" s="76">
        <v>4.6452</v>
      </c>
      <c r="Z85" s="295">
        <v>0.20209292049761457</v>
      </c>
      <c r="AA85" s="296">
        <v>8.245674650687998E-2</v>
      </c>
      <c r="AB85" s="297">
        <v>0.50216162296163436</v>
      </c>
      <c r="AC85" s="296">
        <v>0.10050291665563162</v>
      </c>
      <c r="AD85" s="74">
        <v>95</v>
      </c>
      <c r="AE85" s="75">
        <v>73.956734937232568</v>
      </c>
      <c r="AF85" s="76">
        <v>4.0571999999999999</v>
      </c>
      <c r="AG85" s="295">
        <v>0.24106896928381399</v>
      </c>
      <c r="AH85" s="296">
        <v>8.7215759653999483E-2</v>
      </c>
      <c r="AI85" s="297">
        <v>0.55086709252043131</v>
      </c>
      <c r="AJ85" s="296">
        <v>0.10002371489893219</v>
      </c>
      <c r="AK85" s="74">
        <v>95</v>
      </c>
      <c r="AL85" s="75">
        <v>65.244324914020609</v>
      </c>
      <c r="AM85" s="76">
        <v>4.6844000000000001</v>
      </c>
      <c r="AN85" s="295">
        <v>0.33527834762414982</v>
      </c>
      <c r="AO85" s="296">
        <v>9.5349451122501219E-2</v>
      </c>
      <c r="AP85" s="297">
        <v>0.40564526086829233</v>
      </c>
      <c r="AQ85" s="296">
        <v>9.8842200330831284E-2</v>
      </c>
      <c r="AR85" s="74">
        <v>95</v>
      </c>
      <c r="AS85" s="75">
        <v>66.53192981140414</v>
      </c>
      <c r="AT85" s="76">
        <v>5.3704000000000001</v>
      </c>
      <c r="AU85" s="295">
        <v>0.27451948718869468</v>
      </c>
      <c r="AV85" s="296">
        <v>9.0606027245176704E-2</v>
      </c>
      <c r="AW85" s="297">
        <v>0.45962188298487311</v>
      </c>
      <c r="AX85" s="296">
        <v>0.10020155343627753</v>
      </c>
    </row>
    <row r="86" spans="1:50" s="5" customFormat="1">
      <c r="A86" s="57" t="s">
        <v>453</v>
      </c>
      <c r="B86" s="71">
        <v>98</v>
      </c>
      <c r="C86" s="72">
        <v>71.794526411090288</v>
      </c>
      <c r="D86" s="73">
        <v>4.5471999999999992</v>
      </c>
      <c r="E86" s="292">
        <v>0.20614983129806946</v>
      </c>
      <c r="F86" s="293">
        <v>8.1719672070098281E-2</v>
      </c>
      <c r="G86" s="294">
        <v>0.53615785956016526</v>
      </c>
      <c r="H86" s="293">
        <v>9.8775471085945657E-2</v>
      </c>
      <c r="I86" s="71">
        <v>100</v>
      </c>
      <c r="J86" s="72">
        <v>62.000372756661292</v>
      </c>
      <c r="K86" s="73">
        <v>4.7039999999999997</v>
      </c>
      <c r="L86" s="292">
        <v>0.39900319226790337</v>
      </c>
      <c r="M86" s="293">
        <v>9.619075564304326E-2</v>
      </c>
      <c r="N86" s="294">
        <v>0.35790316535087385</v>
      </c>
      <c r="O86" s="293">
        <v>9.4325910787560141E-2</v>
      </c>
      <c r="P86" s="71">
        <v>100</v>
      </c>
      <c r="Q86" s="72">
        <v>65.417501755480231</v>
      </c>
      <c r="R86" s="73">
        <v>4.7431999999999999</v>
      </c>
      <c r="S86" s="292">
        <v>0.27307482041567949</v>
      </c>
      <c r="T86" s="293">
        <v>8.8228275487391553E-2</v>
      </c>
      <c r="U86" s="294">
        <v>0.33709156716483307</v>
      </c>
      <c r="V86" s="293">
        <v>9.3121727006079361E-2</v>
      </c>
      <c r="W86" s="71">
        <v>100</v>
      </c>
      <c r="X86" s="72">
        <v>69.551463299213253</v>
      </c>
      <c r="Y86" s="73">
        <v>5.2724000000000002</v>
      </c>
      <c r="Z86" s="292">
        <v>0.27746996787801076</v>
      </c>
      <c r="AA86" s="293">
        <v>8.8625472138070246E-2</v>
      </c>
      <c r="AB86" s="294">
        <v>0.44454463262329108</v>
      </c>
      <c r="AC86" s="293">
        <v>9.7498858837315447E-2</v>
      </c>
      <c r="AD86" s="71">
        <v>100</v>
      </c>
      <c r="AE86" s="72">
        <v>77.801291504146121</v>
      </c>
      <c r="AF86" s="73">
        <v>4.0376000000000003</v>
      </c>
      <c r="AG86" s="292">
        <v>0.18426133802838898</v>
      </c>
      <c r="AH86" s="293">
        <v>7.7912711651960273E-2</v>
      </c>
      <c r="AI86" s="294">
        <v>0.59859889831100088</v>
      </c>
      <c r="AJ86" s="293">
        <v>9.6279181858090326E-2</v>
      </c>
      <c r="AK86" s="71">
        <v>100</v>
      </c>
      <c r="AL86" s="72">
        <v>65.957921063439883</v>
      </c>
      <c r="AM86" s="73">
        <v>5.1352000000000002</v>
      </c>
      <c r="AN86" s="292">
        <v>0.3734660790026606</v>
      </c>
      <c r="AO86" s="293">
        <v>9.511068141979756E-2</v>
      </c>
      <c r="AP86" s="294">
        <v>0.37492905385712122</v>
      </c>
      <c r="AQ86" s="293">
        <v>9.517946734250568E-2</v>
      </c>
      <c r="AR86" s="71">
        <v>100</v>
      </c>
      <c r="AS86" s="72">
        <v>62.060182160306972</v>
      </c>
      <c r="AT86" s="73">
        <v>5.6055999999999999</v>
      </c>
      <c r="AU86" s="292">
        <v>0.38093686680913663</v>
      </c>
      <c r="AV86" s="293">
        <v>9.5453062101545874E-2</v>
      </c>
      <c r="AW86" s="294">
        <v>0.36280021716917693</v>
      </c>
      <c r="AX86" s="293">
        <v>9.4583369181849106E-2</v>
      </c>
    </row>
    <row r="87" spans="1:50" s="5" customFormat="1">
      <c r="A87" s="49" t="s">
        <v>459</v>
      </c>
      <c r="B87" s="74">
        <v>368</v>
      </c>
      <c r="C87" s="75">
        <v>68.773369031965885</v>
      </c>
      <c r="D87" s="76">
        <v>2.0775999999999999</v>
      </c>
      <c r="E87" s="295">
        <v>0.29175579327327655</v>
      </c>
      <c r="F87" s="296">
        <v>4.7242446176755888E-2</v>
      </c>
      <c r="G87" s="297">
        <v>0.36729815790514236</v>
      </c>
      <c r="H87" s="296">
        <v>5.0028689616278772E-2</v>
      </c>
      <c r="I87" s="74">
        <v>367</v>
      </c>
      <c r="J87" s="75">
        <v>68.778271442594217</v>
      </c>
      <c r="K87" s="76">
        <v>1.9796</v>
      </c>
      <c r="L87" s="295">
        <v>0.26164191297702305</v>
      </c>
      <c r="M87" s="296">
        <v>4.5782084345255811E-2</v>
      </c>
      <c r="N87" s="297">
        <v>0.34408236331317327</v>
      </c>
      <c r="O87" s="296">
        <v>4.938555897875143E-2</v>
      </c>
      <c r="P87" s="74">
        <v>368</v>
      </c>
      <c r="Q87" s="75">
        <v>63.391729026933945</v>
      </c>
      <c r="R87" s="76">
        <v>2.2147999999999999</v>
      </c>
      <c r="S87" s="295">
        <v>0.36031436686813245</v>
      </c>
      <c r="T87" s="296">
        <v>4.9828229944486602E-2</v>
      </c>
      <c r="U87" s="297">
        <v>0.26308506604580184</v>
      </c>
      <c r="V87" s="296">
        <v>4.5798987283779694E-2</v>
      </c>
      <c r="W87" s="74">
        <v>367</v>
      </c>
      <c r="X87" s="75">
        <v>66.4567659349932</v>
      </c>
      <c r="Y87" s="76">
        <v>2.4891999999999999</v>
      </c>
      <c r="Z87" s="295">
        <v>0.31087832870829968</v>
      </c>
      <c r="AA87" s="296">
        <v>4.8146238590788454E-2</v>
      </c>
      <c r="AB87" s="297">
        <v>0.35350782367059519</v>
      </c>
      <c r="AC87" s="296">
        <v>4.968909224109147E-2</v>
      </c>
      <c r="AD87" s="74">
        <v>368</v>
      </c>
      <c r="AE87" s="75">
        <v>72.31393147529036</v>
      </c>
      <c r="AF87" s="76">
        <v>2.0775999999999999</v>
      </c>
      <c r="AG87" s="295">
        <v>0.26140482385332697</v>
      </c>
      <c r="AH87" s="296">
        <v>4.5707109942895931E-2</v>
      </c>
      <c r="AI87" s="297">
        <v>0.47953545606271536</v>
      </c>
      <c r="AJ87" s="296">
        <v>5.180506891990596E-2</v>
      </c>
      <c r="AK87" s="74">
        <v>368</v>
      </c>
      <c r="AL87" s="75">
        <v>61.789102312072586</v>
      </c>
      <c r="AM87" s="76">
        <v>2.2343999999999999</v>
      </c>
      <c r="AN87" s="295">
        <v>0.39448647474141868</v>
      </c>
      <c r="AO87" s="296">
        <v>5.0705244619229067E-2</v>
      </c>
      <c r="AP87" s="297">
        <v>0.22399456552611416</v>
      </c>
      <c r="AQ87" s="296">
        <v>4.3434594304556047E-2</v>
      </c>
      <c r="AR87" s="74">
        <v>367</v>
      </c>
      <c r="AS87" s="75">
        <v>63.810406934657948</v>
      </c>
      <c r="AT87" s="76">
        <v>2.3519999999999999</v>
      </c>
      <c r="AU87" s="295">
        <v>0.36127195091627207</v>
      </c>
      <c r="AV87" s="296">
        <v>4.9923638498993603E-2</v>
      </c>
      <c r="AW87" s="297">
        <v>0.27181203474119597</v>
      </c>
      <c r="AX87" s="296">
        <v>4.6325579025483246E-2</v>
      </c>
    </row>
    <row r="88" spans="1:50" s="5" customFormat="1"/>
    <row r="90" spans="1:50" ht="18.75">
      <c r="A90" s="321" t="s">
        <v>285</v>
      </c>
      <c r="B90" s="321"/>
      <c r="C90" s="321"/>
      <c r="D90" s="321"/>
      <c r="E90" s="321"/>
      <c r="F90" s="321"/>
      <c r="G90" s="321"/>
      <c r="H90" s="321"/>
    </row>
    <row r="91" spans="1:50" ht="72.75" customHeight="1">
      <c r="A91" s="320" t="s">
        <v>289</v>
      </c>
      <c r="B91" s="320"/>
      <c r="C91" s="320"/>
      <c r="D91" s="320"/>
      <c r="E91" s="320"/>
      <c r="F91" s="320"/>
      <c r="G91" s="320"/>
      <c r="H91" s="320"/>
    </row>
    <row r="92" spans="1:50" ht="33" customHeight="1">
      <c r="A92" s="312" t="s">
        <v>286</v>
      </c>
      <c r="B92" s="313"/>
      <c r="C92" s="313"/>
      <c r="D92" s="313"/>
      <c r="E92" s="313"/>
      <c r="F92" s="313"/>
      <c r="G92" s="313"/>
      <c r="H92" s="314"/>
    </row>
    <row r="93" spans="1:50" ht="42" customHeight="1">
      <c r="A93" s="37" t="s">
        <v>85</v>
      </c>
      <c r="B93" s="38" t="s">
        <v>86</v>
      </c>
      <c r="C93" s="39" t="s">
        <v>87</v>
      </c>
      <c r="D93" s="40" t="s">
        <v>88</v>
      </c>
      <c r="E93" s="39" t="s">
        <v>409</v>
      </c>
      <c r="F93" s="40" t="s">
        <v>413</v>
      </c>
      <c r="G93" s="39" t="s">
        <v>411</v>
      </c>
      <c r="H93" s="40" t="s">
        <v>414</v>
      </c>
    </row>
    <row r="94" spans="1:50" ht="109.5" customHeight="1">
      <c r="A94" s="41"/>
      <c r="B94" s="42" t="s">
        <v>89</v>
      </c>
      <c r="C94" s="43" t="s">
        <v>292</v>
      </c>
      <c r="D94" s="44" t="s">
        <v>91</v>
      </c>
      <c r="E94" s="43" t="s">
        <v>410</v>
      </c>
      <c r="F94" s="91" t="s">
        <v>104</v>
      </c>
      <c r="G94" s="43" t="s">
        <v>412</v>
      </c>
      <c r="H94" s="91" t="s">
        <v>104</v>
      </c>
    </row>
    <row r="95" spans="1:50">
      <c r="A95" s="45" t="s">
        <v>434</v>
      </c>
      <c r="B95" s="77">
        <v>8473</v>
      </c>
      <c r="C95" s="78">
        <v>70.806989823608035</v>
      </c>
      <c r="D95" s="79">
        <v>0.51492840677209151</v>
      </c>
      <c r="E95" s="292">
        <v>0.24759942993317427</v>
      </c>
      <c r="F95" s="293">
        <v>9.3773112832664183E-3</v>
      </c>
      <c r="G95" s="292">
        <v>0.48110213296680271</v>
      </c>
      <c r="H95" s="293">
        <v>1.0853474272107861E-2</v>
      </c>
    </row>
    <row r="96" spans="1:50">
      <c r="A96" s="49" t="s">
        <v>435</v>
      </c>
      <c r="B96" s="80">
        <v>7880</v>
      </c>
      <c r="C96" s="81">
        <v>70.44400108077626</v>
      </c>
      <c r="D96" s="82">
        <v>0.54099223729664803</v>
      </c>
      <c r="E96" s="295">
        <v>0.2534547164679693</v>
      </c>
      <c r="F96" s="296">
        <v>9.7995404287269244E-3</v>
      </c>
      <c r="G96" s="295">
        <v>0.47528367173406427</v>
      </c>
      <c r="H96" s="296">
        <v>1.1248535004562479E-2</v>
      </c>
    </row>
    <row r="97" spans="1:8" s="5" customFormat="1">
      <c r="A97" s="45" t="s">
        <v>436</v>
      </c>
      <c r="B97" s="77">
        <v>761</v>
      </c>
      <c r="C97" s="78">
        <v>65.640626999999995</v>
      </c>
      <c r="D97" s="79">
        <v>1.7664499999999999</v>
      </c>
      <c r="E97" s="291">
        <v>0.318</v>
      </c>
      <c r="F97" s="298">
        <v>3.3701611773795291E-2</v>
      </c>
      <c r="G97" s="291">
        <v>0.373</v>
      </c>
      <c r="H97" s="298">
        <v>3.498191714501106E-2</v>
      </c>
    </row>
    <row r="98" spans="1:8" s="5" customFormat="1">
      <c r="A98" s="49" t="s">
        <v>437</v>
      </c>
      <c r="B98" s="80">
        <v>2271</v>
      </c>
      <c r="C98" s="81">
        <v>72.588878606981908</v>
      </c>
      <c r="D98" s="82">
        <v>0.96375057156916322</v>
      </c>
      <c r="E98" s="295">
        <v>0.22011766510652336</v>
      </c>
      <c r="F98" s="296">
        <v>1.7387179669963858E-2</v>
      </c>
      <c r="G98" s="295">
        <v>0.49674387148218269</v>
      </c>
      <c r="H98" s="296">
        <v>2.0965253719443713E-2</v>
      </c>
    </row>
    <row r="99" spans="1:8" s="5" customFormat="1">
      <c r="A99" s="45" t="s">
        <v>438</v>
      </c>
      <c r="B99" s="77">
        <v>2214</v>
      </c>
      <c r="C99" s="78">
        <v>72.612948000000003</v>
      </c>
      <c r="D99" s="79">
        <v>0.93563344000000004</v>
      </c>
      <c r="E99" s="291">
        <v>0.219</v>
      </c>
      <c r="F99" s="298">
        <v>1.7577526018834517E-2</v>
      </c>
      <c r="G99" s="291">
        <v>0.49299999999999999</v>
      </c>
      <c r="H99" s="298">
        <v>2.1231311267466215E-2</v>
      </c>
    </row>
    <row r="100" spans="1:8" s="5" customFormat="1">
      <c r="A100" s="49" t="s">
        <v>449</v>
      </c>
      <c r="B100" s="80">
        <v>258</v>
      </c>
      <c r="C100" s="81">
        <v>72.139535123257133</v>
      </c>
      <c r="D100" s="82">
        <v>2.9099792595899858</v>
      </c>
      <c r="E100" s="295">
        <v>0.23386246117737167</v>
      </c>
      <c r="F100" s="296">
        <v>5.2613675469026636E-2</v>
      </c>
      <c r="G100" s="295">
        <v>0.4724361900675908</v>
      </c>
      <c r="H100" s="296">
        <v>6.1689107032097609E-2</v>
      </c>
    </row>
    <row r="101" spans="1:8" s="5" customFormat="1">
      <c r="A101" s="45" t="s">
        <v>439</v>
      </c>
      <c r="B101" s="77">
        <v>127</v>
      </c>
      <c r="C101" s="78">
        <v>75.711270358961912</v>
      </c>
      <c r="D101" s="79">
        <v>3.5687652977040512</v>
      </c>
      <c r="E101" s="291">
        <v>0.17843011541125511</v>
      </c>
      <c r="F101" s="298">
        <v>6.8308089877738495E-2</v>
      </c>
      <c r="G101" s="291">
        <v>0.50367845100154163</v>
      </c>
      <c r="H101" s="298">
        <v>8.7368183407110278E-2</v>
      </c>
    </row>
    <row r="102" spans="1:8" s="5" customFormat="1" ht="27.75" customHeight="1">
      <c r="A102" s="49" t="s">
        <v>440</v>
      </c>
      <c r="B102" s="80">
        <v>86</v>
      </c>
      <c r="C102" s="81">
        <v>62.402457370411021</v>
      </c>
      <c r="D102" s="82">
        <v>5.9527001525132874</v>
      </c>
      <c r="E102" s="295">
        <v>0.38801627540114603</v>
      </c>
      <c r="F102" s="296">
        <v>0.10296700065525845</v>
      </c>
      <c r="G102" s="295">
        <v>0.37294673672314954</v>
      </c>
      <c r="H102" s="296">
        <v>0.10225468715490262</v>
      </c>
    </row>
    <row r="103" spans="1:8" s="5" customFormat="1">
      <c r="A103" s="45" t="s">
        <v>475</v>
      </c>
      <c r="B103" s="77">
        <v>239</v>
      </c>
      <c r="C103" s="78">
        <v>74.50182072993438</v>
      </c>
      <c r="D103" s="79">
        <v>2.7127030716821166</v>
      </c>
      <c r="E103" s="291">
        <v>0.16688271166523444</v>
      </c>
      <c r="F103" s="298">
        <v>4.8458720828537756E-2</v>
      </c>
      <c r="G103" s="291">
        <v>0.52880856226091533</v>
      </c>
      <c r="H103" s="298">
        <v>6.4046943273306733E-2</v>
      </c>
    </row>
    <row r="104" spans="1:8" s="5" customFormat="1">
      <c r="A104" s="49" t="s">
        <v>441</v>
      </c>
      <c r="B104" s="80">
        <v>75</v>
      </c>
      <c r="C104" s="81">
        <v>76.327787153503579</v>
      </c>
      <c r="D104" s="82">
        <v>4.6373993209953159</v>
      </c>
      <c r="E104" s="295">
        <v>0.15388636529362582</v>
      </c>
      <c r="F104" s="296">
        <v>8.4801880481708058E-2</v>
      </c>
      <c r="G104" s="295">
        <v>0.58506898847789079</v>
      </c>
      <c r="H104" s="296">
        <v>0.11103142402696449</v>
      </c>
    </row>
    <row r="105" spans="1:8" s="5" customFormat="1" ht="25.5">
      <c r="A105" s="45" t="s">
        <v>442</v>
      </c>
      <c r="B105" s="77">
        <v>99</v>
      </c>
      <c r="C105" s="78">
        <v>71.440053424183077</v>
      </c>
      <c r="D105" s="79">
        <v>5.0786058299293657</v>
      </c>
      <c r="E105" s="292">
        <v>0.22299938854701087</v>
      </c>
      <c r="F105" s="293">
        <v>8.3402056254661086E-2</v>
      </c>
      <c r="G105" s="292">
        <v>0.48226678268795609</v>
      </c>
      <c r="H105" s="293">
        <v>9.8475660264246909E-2</v>
      </c>
    </row>
    <row r="106" spans="1:8" s="5" customFormat="1">
      <c r="A106" s="49" t="s">
        <v>462</v>
      </c>
      <c r="B106" s="80">
        <v>65</v>
      </c>
      <c r="C106" s="81">
        <v>76.077274297858338</v>
      </c>
      <c r="D106" s="82">
        <v>3.9091400348771934</v>
      </c>
      <c r="E106" s="295">
        <v>0.11701291380826347</v>
      </c>
      <c r="F106" s="296">
        <v>8.3348136573555401E-2</v>
      </c>
      <c r="G106" s="295">
        <v>0.52352297237472978</v>
      </c>
      <c r="H106" s="296">
        <v>0.12026756750938275</v>
      </c>
    </row>
    <row r="107" spans="1:8">
      <c r="A107" s="45" t="s">
        <v>450</v>
      </c>
      <c r="B107" s="83">
        <v>229</v>
      </c>
      <c r="C107" s="84">
        <v>71.912127560141755</v>
      </c>
      <c r="D107" s="85">
        <v>2.9975880912581276</v>
      </c>
      <c r="E107" s="291">
        <v>0.20151241507072348</v>
      </c>
      <c r="F107" s="298">
        <v>5.3050782043738497E-2</v>
      </c>
      <c r="G107" s="291">
        <v>0.48839984581872159</v>
      </c>
      <c r="H107" s="298">
        <v>6.5495145051298678E-2</v>
      </c>
    </row>
    <row r="108" spans="1:8">
      <c r="A108" s="49" t="s">
        <v>443</v>
      </c>
      <c r="B108" s="80">
        <v>109</v>
      </c>
      <c r="C108" s="81">
        <v>76.552419380772136</v>
      </c>
      <c r="D108" s="82">
        <v>4.2364234219531367</v>
      </c>
      <c r="E108" s="295">
        <v>0.13543684925755647</v>
      </c>
      <c r="F108" s="296">
        <v>6.6873667147562668E-2</v>
      </c>
      <c r="G108" s="295">
        <v>0.62958500957682972</v>
      </c>
      <c r="H108" s="296">
        <v>9.1085006993663842E-2</v>
      </c>
    </row>
    <row r="109" spans="1:8">
      <c r="A109" s="57" t="s">
        <v>444</v>
      </c>
      <c r="B109" s="77">
        <v>120</v>
      </c>
      <c r="C109" s="78">
        <v>69.546181767553946</v>
      </c>
      <c r="D109" s="79">
        <v>4.1417217617108433</v>
      </c>
      <c r="E109" s="292">
        <v>0.23520236666960767</v>
      </c>
      <c r="F109" s="293">
        <v>7.7111770197744775E-2</v>
      </c>
      <c r="G109" s="292">
        <v>0.41641376026720955</v>
      </c>
      <c r="H109" s="293">
        <v>8.8619669875516907E-2</v>
      </c>
    </row>
    <row r="110" spans="1:8">
      <c r="A110" s="49" t="s">
        <v>451</v>
      </c>
      <c r="B110" s="80">
        <v>71</v>
      </c>
      <c r="C110" s="81">
        <v>66.670122507704747</v>
      </c>
      <c r="D110" s="82">
        <v>5.8191407437261038</v>
      </c>
      <c r="E110" s="295">
        <v>0.32414952387173374</v>
      </c>
      <c r="F110" s="296">
        <v>0.10888211242358994</v>
      </c>
      <c r="G110" s="295">
        <v>0.35347160891586088</v>
      </c>
      <c r="H110" s="296">
        <v>0.11093747255894487</v>
      </c>
    </row>
    <row r="111" spans="1:8">
      <c r="A111" s="57" t="s">
        <v>452</v>
      </c>
      <c r="B111" s="77">
        <v>282</v>
      </c>
      <c r="C111" s="78">
        <v>73.41517024216536</v>
      </c>
      <c r="D111" s="79">
        <v>2.5080978978878252</v>
      </c>
      <c r="E111" s="292">
        <v>0.19862863449269452</v>
      </c>
      <c r="F111" s="293">
        <v>4.7555353835721799E-2</v>
      </c>
      <c r="G111" s="292">
        <v>0.53634412290477818</v>
      </c>
      <c r="H111" s="293">
        <v>5.8979170730161908E-2</v>
      </c>
    </row>
    <row r="112" spans="1:8">
      <c r="A112" s="49" t="s">
        <v>445</v>
      </c>
      <c r="B112" s="80">
        <v>93</v>
      </c>
      <c r="C112" s="81">
        <v>68.172010375756315</v>
      </c>
      <c r="D112" s="82">
        <v>4.9974173846725138</v>
      </c>
      <c r="E112" s="295">
        <v>0.24355876327349174</v>
      </c>
      <c r="F112" s="296">
        <v>8.8410883006610902E-2</v>
      </c>
      <c r="G112" s="295">
        <v>0.38447264772820561</v>
      </c>
      <c r="H112" s="296">
        <v>9.9011919101631596E-2</v>
      </c>
    </row>
    <row r="113" spans="1:23">
      <c r="A113" s="57" t="s">
        <v>446</v>
      </c>
      <c r="B113" s="77">
        <v>108</v>
      </c>
      <c r="C113" s="78">
        <v>79.421511595144992</v>
      </c>
      <c r="D113" s="79">
        <v>2.9182322506931944</v>
      </c>
      <c r="E113" s="292">
        <v>0.10786640086648645</v>
      </c>
      <c r="F113" s="293">
        <v>6.1823074065976799E-2</v>
      </c>
      <c r="G113" s="292">
        <v>0.68689066509190055</v>
      </c>
      <c r="H113" s="293">
        <v>8.8139944303550752E-2</v>
      </c>
    </row>
    <row r="114" spans="1:23">
      <c r="A114" s="49" t="s">
        <v>447</v>
      </c>
      <c r="B114" s="80">
        <v>81</v>
      </c>
      <c r="C114" s="81">
        <v>71.733421346312085</v>
      </c>
      <c r="D114" s="82">
        <v>4.934080899167407</v>
      </c>
      <c r="E114" s="295">
        <v>0.26292477968167882</v>
      </c>
      <c r="F114" s="296">
        <v>9.6761860061641614E-2</v>
      </c>
      <c r="G114" s="295">
        <v>0.51737879697902922</v>
      </c>
      <c r="H114" s="296">
        <v>0.10840571598379344</v>
      </c>
    </row>
    <row r="115" spans="1:23">
      <c r="A115" s="57" t="s">
        <v>453</v>
      </c>
      <c r="B115" s="77">
        <v>67</v>
      </c>
      <c r="C115" s="78">
        <v>71.803923925505757</v>
      </c>
      <c r="D115" s="79">
        <v>5.8327929351166325</v>
      </c>
      <c r="E115" s="292">
        <v>0.31777635424883111</v>
      </c>
      <c r="F115" s="293">
        <v>0.11143888861328734</v>
      </c>
      <c r="G115" s="292">
        <v>0.44655246374480234</v>
      </c>
      <c r="H115" s="293">
        <v>0.11807282756264516</v>
      </c>
    </row>
    <row r="116" spans="1:23">
      <c r="A116" s="49" t="s">
        <v>459</v>
      </c>
      <c r="B116" s="80">
        <v>33</v>
      </c>
      <c r="C116" s="81">
        <v>70.269970550484175</v>
      </c>
      <c r="D116" s="82">
        <v>7.5317826502406282</v>
      </c>
      <c r="E116" s="295">
        <v>0.18760116534122487</v>
      </c>
      <c r="F116" s="296">
        <v>0.13650762140714079</v>
      </c>
      <c r="G116" s="295">
        <v>0.40472354879800698</v>
      </c>
      <c r="H116" s="296">
        <v>0.1620073503185484</v>
      </c>
    </row>
    <row r="117" spans="1:23" s="5" customFormat="1"/>
    <row r="119" spans="1:23" s="5" customFormat="1" ht="18.75">
      <c r="A119" s="322" t="s">
        <v>248</v>
      </c>
      <c r="B119" s="322"/>
      <c r="C119" s="322"/>
      <c r="D119" s="322"/>
      <c r="E119" s="322"/>
      <c r="F119" s="322"/>
      <c r="G119" s="322"/>
      <c r="H119" s="322"/>
      <c r="I119" s="322"/>
      <c r="J119" s="322"/>
      <c r="K119" s="322"/>
      <c r="L119" s="322"/>
      <c r="M119" s="322"/>
      <c r="N119" s="322"/>
      <c r="O119" s="322"/>
      <c r="P119" s="322"/>
      <c r="Q119" s="322"/>
      <c r="R119" s="322"/>
      <c r="S119" s="322"/>
      <c r="T119" s="322"/>
      <c r="U119" s="322"/>
      <c r="V119" s="322"/>
      <c r="W119" s="228"/>
    </row>
    <row r="120" spans="1:23" s="5" customFormat="1" ht="69.75" customHeight="1">
      <c r="A120" s="320" t="s">
        <v>288</v>
      </c>
      <c r="B120" s="320"/>
      <c r="C120" s="320"/>
      <c r="D120" s="320"/>
      <c r="E120" s="320"/>
      <c r="F120" s="320"/>
      <c r="G120" s="320"/>
      <c r="H120" s="320"/>
      <c r="I120" s="320"/>
      <c r="J120" s="320"/>
      <c r="K120" s="320"/>
      <c r="L120" s="320"/>
      <c r="M120" s="320"/>
      <c r="N120" s="320"/>
      <c r="O120" s="320"/>
      <c r="P120" s="320"/>
      <c r="Q120" s="320"/>
      <c r="R120" s="320"/>
      <c r="S120" s="320"/>
      <c r="T120" s="320"/>
      <c r="U120" s="320"/>
      <c r="V120" s="320"/>
    </row>
    <row r="121" spans="1:23" s="5" customFormat="1" ht="48.75" customHeight="1">
      <c r="A121" s="64" t="s">
        <v>287</v>
      </c>
      <c r="B121" s="323" t="s">
        <v>251</v>
      </c>
      <c r="C121" s="324"/>
      <c r="D121" s="324"/>
      <c r="E121" s="324"/>
      <c r="F121" s="324"/>
      <c r="G121" s="324"/>
      <c r="H121" s="325"/>
      <c r="I121" s="312" t="s">
        <v>250</v>
      </c>
      <c r="J121" s="313"/>
      <c r="K121" s="313"/>
      <c r="L121" s="313"/>
      <c r="M121" s="313"/>
      <c r="N121" s="313"/>
      <c r="O121" s="314"/>
      <c r="P121" s="312" t="s">
        <v>249</v>
      </c>
      <c r="Q121" s="313"/>
      <c r="R121" s="313"/>
      <c r="S121" s="313"/>
      <c r="T121" s="313"/>
      <c r="U121" s="313"/>
      <c r="V121" s="314"/>
    </row>
    <row r="122" spans="1:23" s="5" customFormat="1" ht="43.5" customHeight="1">
      <c r="A122" s="37" t="s">
        <v>85</v>
      </c>
      <c r="B122" s="65" t="s">
        <v>86</v>
      </c>
      <c r="C122" s="66" t="s">
        <v>87</v>
      </c>
      <c r="D122" s="67" t="s">
        <v>88</v>
      </c>
      <c r="E122" s="66" t="s">
        <v>409</v>
      </c>
      <c r="F122" s="67" t="s">
        <v>413</v>
      </c>
      <c r="G122" s="66" t="s">
        <v>411</v>
      </c>
      <c r="H122" s="67" t="s">
        <v>414</v>
      </c>
      <c r="I122" s="38" t="s">
        <v>86</v>
      </c>
      <c r="J122" s="39" t="s">
        <v>87</v>
      </c>
      <c r="K122" s="40" t="s">
        <v>88</v>
      </c>
      <c r="L122" s="38" t="s">
        <v>409</v>
      </c>
      <c r="M122" s="40" t="s">
        <v>413</v>
      </c>
      <c r="N122" s="39" t="s">
        <v>411</v>
      </c>
      <c r="O122" s="40" t="s">
        <v>413</v>
      </c>
      <c r="P122" s="65" t="s">
        <v>86</v>
      </c>
      <c r="Q122" s="66" t="s">
        <v>87</v>
      </c>
      <c r="R122" s="67" t="s">
        <v>88</v>
      </c>
      <c r="S122" s="65" t="s">
        <v>409</v>
      </c>
      <c r="T122" s="67" t="s">
        <v>413</v>
      </c>
      <c r="U122" s="66" t="s">
        <v>411</v>
      </c>
      <c r="V122" s="67" t="s">
        <v>413</v>
      </c>
    </row>
    <row r="123" spans="1:23" s="5" customFormat="1" ht="102" customHeight="1">
      <c r="A123" s="41"/>
      <c r="B123" s="68" t="s">
        <v>89</v>
      </c>
      <c r="C123" s="69" t="s">
        <v>291</v>
      </c>
      <c r="D123" s="70" t="s">
        <v>91</v>
      </c>
      <c r="E123" s="69" t="s">
        <v>410</v>
      </c>
      <c r="F123" s="70" t="s">
        <v>104</v>
      </c>
      <c r="G123" s="69" t="s">
        <v>412</v>
      </c>
      <c r="H123" s="70" t="s">
        <v>104</v>
      </c>
      <c r="I123" s="42" t="s">
        <v>89</v>
      </c>
      <c r="J123" s="43" t="s">
        <v>291</v>
      </c>
      <c r="K123" s="44" t="s">
        <v>91</v>
      </c>
      <c r="L123" s="42" t="s">
        <v>410</v>
      </c>
      <c r="M123" s="44" t="s">
        <v>104</v>
      </c>
      <c r="N123" s="128" t="s">
        <v>412</v>
      </c>
      <c r="O123" s="44" t="s">
        <v>104</v>
      </c>
      <c r="P123" s="68" t="s">
        <v>89</v>
      </c>
      <c r="Q123" s="69" t="s">
        <v>291</v>
      </c>
      <c r="R123" s="70" t="s">
        <v>91</v>
      </c>
      <c r="S123" s="68" t="s">
        <v>410</v>
      </c>
      <c r="T123" s="70" t="s">
        <v>104</v>
      </c>
      <c r="U123" s="273" t="s">
        <v>412</v>
      </c>
      <c r="V123" s="70" t="s">
        <v>104</v>
      </c>
    </row>
    <row r="124" spans="1:23" s="5" customFormat="1">
      <c r="A124" s="45" t="s">
        <v>434</v>
      </c>
      <c r="B124" s="71">
        <v>8491</v>
      </c>
      <c r="C124" s="72">
        <v>70.399518061868122</v>
      </c>
      <c r="D124" s="73">
        <v>0.53619615294243306</v>
      </c>
      <c r="E124" s="292">
        <v>0.23131496043345545</v>
      </c>
      <c r="F124" s="293">
        <v>9.1518179047843772E-3</v>
      </c>
      <c r="G124" s="292">
        <v>0.52110929631772962</v>
      </c>
      <c r="H124" s="293">
        <v>1.0840049934782769E-2</v>
      </c>
      <c r="I124" s="71">
        <v>8447</v>
      </c>
      <c r="J124" s="72">
        <v>70.267714083041696</v>
      </c>
      <c r="K124" s="73">
        <v>0.54635054899507263</v>
      </c>
      <c r="L124" s="292">
        <v>0.23848285544073899</v>
      </c>
      <c r="M124" s="293">
        <v>9.2730317625122349E-3</v>
      </c>
      <c r="N124" s="292">
        <v>0.5209637394983605</v>
      </c>
      <c r="O124" s="293">
        <v>1.0868365847424845E-2</v>
      </c>
      <c r="P124" s="71">
        <v>8449</v>
      </c>
      <c r="Q124" s="72">
        <v>71.782701149499644</v>
      </c>
      <c r="R124" s="73">
        <v>0.51698625336236859</v>
      </c>
      <c r="S124" s="292">
        <v>0.21020487256578041</v>
      </c>
      <c r="T124" s="293">
        <v>8.8655785948457411E-3</v>
      </c>
      <c r="U124" s="292">
        <v>0.54192800040856171</v>
      </c>
      <c r="V124" s="293">
        <v>1.0838362800324712E-2</v>
      </c>
    </row>
    <row r="125" spans="1:23" s="5" customFormat="1">
      <c r="A125" s="49" t="s">
        <v>435</v>
      </c>
      <c r="B125" s="74">
        <v>7899</v>
      </c>
      <c r="C125" s="75">
        <v>70.109020340270575</v>
      </c>
      <c r="D125" s="76">
        <v>0.56379391387449007</v>
      </c>
      <c r="E125" s="295">
        <v>0.23730527320594852</v>
      </c>
      <c r="F125" s="296">
        <v>9.572973216217074E-3</v>
      </c>
      <c r="G125" s="295">
        <v>0.51697043221518157</v>
      </c>
      <c r="H125" s="296">
        <v>1.1242268891900664E-2</v>
      </c>
      <c r="I125" s="74">
        <v>7856</v>
      </c>
      <c r="J125" s="75">
        <v>69.853980047782386</v>
      </c>
      <c r="K125" s="76">
        <v>0.5736991540951295</v>
      </c>
      <c r="L125" s="295">
        <v>0.24633941657954586</v>
      </c>
      <c r="M125" s="296">
        <v>9.7218774696788239E-3</v>
      </c>
      <c r="N125" s="295">
        <v>0.51553270193559531</v>
      </c>
      <c r="O125" s="296">
        <v>1.1274032417767699E-2</v>
      </c>
      <c r="P125" s="74">
        <v>7858</v>
      </c>
      <c r="Q125" s="75">
        <v>71.430504759033482</v>
      </c>
      <c r="R125" s="76">
        <v>0.54212618708031313</v>
      </c>
      <c r="S125" s="295">
        <v>0.21649141056625604</v>
      </c>
      <c r="T125" s="296">
        <v>9.292024433555382E-3</v>
      </c>
      <c r="U125" s="295">
        <v>0.5358577691871782</v>
      </c>
      <c r="V125" s="296">
        <v>1.124902615202634E-2</v>
      </c>
    </row>
    <row r="126" spans="1:23" s="5" customFormat="1">
      <c r="A126" s="45" t="s">
        <v>436</v>
      </c>
      <c r="B126" s="54">
        <v>761</v>
      </c>
      <c r="C126" s="55">
        <v>65.900000000000006</v>
      </c>
      <c r="D126" s="56">
        <v>1.8228</v>
      </c>
      <c r="E126" s="291">
        <v>0.28799999999999998</v>
      </c>
      <c r="F126" s="298">
        <v>3.2781692152615984E-2</v>
      </c>
      <c r="G126" s="291">
        <v>0.436</v>
      </c>
      <c r="H126" s="298">
        <v>3.5860785435346959E-2</v>
      </c>
      <c r="I126" s="54">
        <v>759</v>
      </c>
      <c r="J126" s="55">
        <v>64.900000000000006</v>
      </c>
      <c r="K126" s="56">
        <v>1.8815999999999999</v>
      </c>
      <c r="L126" s="291">
        <v>0.30599999999999999</v>
      </c>
      <c r="M126" s="298">
        <v>3.3397214344617086E-2</v>
      </c>
      <c r="N126" s="291">
        <v>0.42499999999999999</v>
      </c>
      <c r="O126" s="298">
        <v>3.5797143850661794E-2</v>
      </c>
      <c r="P126" s="54">
        <v>759</v>
      </c>
      <c r="Q126" s="55">
        <v>66.23</v>
      </c>
      <c r="R126" s="56">
        <v>1.8032000000000001</v>
      </c>
      <c r="S126" s="291">
        <v>0.27200000000000002</v>
      </c>
      <c r="T126" s="298">
        <v>3.2263627358025342E-2</v>
      </c>
      <c r="U126" s="291">
        <v>0.435</v>
      </c>
      <c r="V126" s="298">
        <v>3.5898442940051165E-2</v>
      </c>
    </row>
    <row r="127" spans="1:23" s="5" customFormat="1">
      <c r="A127" s="49" t="s">
        <v>437</v>
      </c>
      <c r="B127" s="74">
        <v>2274</v>
      </c>
      <c r="C127" s="75">
        <v>72.318763137622511</v>
      </c>
      <c r="D127" s="76">
        <v>1.0026234245315544</v>
      </c>
      <c r="E127" s="295">
        <v>0.20601423607651004</v>
      </c>
      <c r="F127" s="296">
        <v>1.6963298978462736E-2</v>
      </c>
      <c r="G127" s="295">
        <v>0.54382700463056999</v>
      </c>
      <c r="H127" s="296">
        <v>2.0871526126864447E-2</v>
      </c>
      <c r="I127" s="74">
        <v>2263</v>
      </c>
      <c r="J127" s="75">
        <v>72.17868047548248</v>
      </c>
      <c r="K127" s="76">
        <v>1.0156292821100623</v>
      </c>
      <c r="L127" s="295">
        <v>0.20979670673630207</v>
      </c>
      <c r="M127" s="296">
        <v>1.7118337057782734E-2</v>
      </c>
      <c r="N127" s="295">
        <v>0.54082187469240939</v>
      </c>
      <c r="O127" s="296">
        <v>2.0932788866971551E-2</v>
      </c>
      <c r="P127" s="74">
        <v>2266</v>
      </c>
      <c r="Q127" s="75">
        <v>73.234772596489378</v>
      </c>
      <c r="R127" s="76">
        <v>0.9750972101874249</v>
      </c>
      <c r="S127" s="295">
        <v>0.19155558913763071</v>
      </c>
      <c r="T127" s="296">
        <v>1.6537078240496602E-2</v>
      </c>
      <c r="U127" s="295">
        <v>0.55501646222366607</v>
      </c>
      <c r="V127" s="296">
        <v>2.0861779088004868E-2</v>
      </c>
    </row>
    <row r="128" spans="1:23" s="5" customFormat="1">
      <c r="A128" s="45" t="s">
        <v>438</v>
      </c>
      <c r="B128" s="54">
        <v>2217</v>
      </c>
      <c r="C128" s="55">
        <v>72.34</v>
      </c>
      <c r="D128" s="56">
        <v>0.98</v>
      </c>
      <c r="E128" s="291">
        <v>0.20399999999999999</v>
      </c>
      <c r="F128" s="298">
        <v>1.7117824439123505E-2</v>
      </c>
      <c r="G128" s="291">
        <v>0.54</v>
      </c>
      <c r="H128" s="298">
        <v>2.1151274699077429E-2</v>
      </c>
      <c r="I128" s="54">
        <v>2207</v>
      </c>
      <c r="J128" s="55">
        <v>72.209999999999994</v>
      </c>
      <c r="K128" s="56">
        <v>0.98</v>
      </c>
      <c r="L128" s="291">
        <v>0.20899999999999999</v>
      </c>
      <c r="M128" s="298">
        <v>1.7310066234575719E-2</v>
      </c>
      <c r="N128" s="291">
        <v>0.53900000000000003</v>
      </c>
      <c r="O128" s="298">
        <v>2.1202412261056781E-2</v>
      </c>
      <c r="P128" s="54">
        <v>2209</v>
      </c>
      <c r="Q128" s="55">
        <v>73.260000000000005</v>
      </c>
      <c r="R128" s="56">
        <v>0.94079999999999997</v>
      </c>
      <c r="S128" s="291">
        <v>0.19</v>
      </c>
      <c r="T128" s="298">
        <v>1.6697358634346657E-2</v>
      </c>
      <c r="U128" s="291">
        <v>0.55400000000000005</v>
      </c>
      <c r="V128" s="298">
        <v>2.113347215684493E-2</v>
      </c>
    </row>
    <row r="129" spans="1:22" s="5" customFormat="1">
      <c r="A129" s="49" t="s">
        <v>449</v>
      </c>
      <c r="B129" s="74">
        <v>257</v>
      </c>
      <c r="C129" s="75">
        <v>71.574111426220028</v>
      </c>
      <c r="D129" s="76">
        <v>3.0854930577598259</v>
      </c>
      <c r="E129" s="295">
        <v>0.21829113652318108</v>
      </c>
      <c r="F129" s="296">
        <v>5.1499204078385284E-2</v>
      </c>
      <c r="G129" s="295">
        <v>0.5298889893973785</v>
      </c>
      <c r="H129" s="296">
        <v>6.1791122738148255E-2</v>
      </c>
      <c r="I129" s="74">
        <v>258</v>
      </c>
      <c r="J129" s="75">
        <v>71.670777993172095</v>
      </c>
      <c r="K129" s="76">
        <v>3.0226739001448166</v>
      </c>
      <c r="L129" s="295">
        <v>0.22668713836801282</v>
      </c>
      <c r="M129" s="296">
        <v>5.2066249886627988E-2</v>
      </c>
      <c r="N129" s="295">
        <v>0.51255325810141972</v>
      </c>
      <c r="O129" s="296">
        <v>6.1761322257018227E-2</v>
      </c>
      <c r="P129" s="74">
        <v>257</v>
      </c>
      <c r="Q129" s="75">
        <v>73.295588641636144</v>
      </c>
      <c r="R129" s="76">
        <v>2.8618387147324968</v>
      </c>
      <c r="S129" s="295">
        <v>0.19729327393737892</v>
      </c>
      <c r="T129" s="296">
        <v>4.9697281329811965E-2</v>
      </c>
      <c r="U129" s="295">
        <v>0.51022455318067972</v>
      </c>
      <c r="V129" s="296">
        <v>6.1885896522754918E-2</v>
      </c>
    </row>
    <row r="130" spans="1:22" s="5" customFormat="1">
      <c r="A130" s="45" t="s">
        <v>439</v>
      </c>
      <c r="B130" s="54">
        <v>127</v>
      </c>
      <c r="C130" s="55">
        <v>75.332258392450669</v>
      </c>
      <c r="D130" s="56">
        <v>3.7080357500837247</v>
      </c>
      <c r="E130" s="291">
        <v>0.16813825801278812</v>
      </c>
      <c r="F130" s="298">
        <v>6.6880486846542755E-2</v>
      </c>
      <c r="G130" s="291">
        <v>0.56560134751278524</v>
      </c>
      <c r="H130" s="298">
        <v>8.6660742800396859E-2</v>
      </c>
      <c r="I130" s="54">
        <v>127</v>
      </c>
      <c r="J130" s="55">
        <v>74.913537409809166</v>
      </c>
      <c r="K130" s="56">
        <v>3.756058134985071</v>
      </c>
      <c r="L130" s="291">
        <v>0.16714744005909823</v>
      </c>
      <c r="M130" s="298">
        <v>6.6739033727648375E-2</v>
      </c>
      <c r="N130" s="291">
        <v>0.53905097121599521</v>
      </c>
      <c r="O130" s="298">
        <v>8.7119594607132381E-2</v>
      </c>
      <c r="P130" s="54">
        <v>127</v>
      </c>
      <c r="Q130" s="55">
        <v>76.888015203065322</v>
      </c>
      <c r="R130" s="56">
        <v>3.5405116035018631</v>
      </c>
      <c r="S130" s="291">
        <v>0.11238246958765839</v>
      </c>
      <c r="T130" s="298">
        <v>5.7634801348197692E-2</v>
      </c>
      <c r="U130" s="291">
        <v>0.5298043892837021</v>
      </c>
      <c r="V130" s="298">
        <v>8.7224395635299323E-2</v>
      </c>
    </row>
    <row r="131" spans="1:22" s="5" customFormat="1" ht="24" customHeight="1">
      <c r="A131" s="49" t="s">
        <v>440</v>
      </c>
      <c r="B131" s="74">
        <v>85</v>
      </c>
      <c r="C131" s="75">
        <v>61.347707970514534</v>
      </c>
      <c r="D131" s="76">
        <v>6.6248060661487598</v>
      </c>
      <c r="E131" s="295">
        <v>0.355185096054356</v>
      </c>
      <c r="F131" s="296">
        <v>0.10186383250963379</v>
      </c>
      <c r="G131" s="295">
        <v>0.42008971301336545</v>
      </c>
      <c r="H131" s="296">
        <v>0.10475770626107095</v>
      </c>
      <c r="I131" s="74">
        <v>86</v>
      </c>
      <c r="J131" s="75">
        <v>62.470190575938354</v>
      </c>
      <c r="K131" s="76">
        <v>6.1434469522933233</v>
      </c>
      <c r="L131" s="295">
        <v>0.38780737297627826</v>
      </c>
      <c r="M131" s="296">
        <v>0.10295777166794293</v>
      </c>
      <c r="N131" s="295">
        <v>0.39725721445115258</v>
      </c>
      <c r="O131" s="296">
        <v>0.10335728469135083</v>
      </c>
      <c r="P131" s="74">
        <v>86</v>
      </c>
      <c r="Q131" s="75">
        <v>63.692284405885211</v>
      </c>
      <c r="R131" s="76">
        <v>5.6720854941003482</v>
      </c>
      <c r="S131" s="295">
        <v>0.39039372746145279</v>
      </c>
      <c r="T131" s="296">
        <v>0.10307076411793148</v>
      </c>
      <c r="U131" s="295">
        <v>0.43751278398370219</v>
      </c>
      <c r="V131" s="296">
        <v>0.10465492824491825</v>
      </c>
    </row>
    <row r="132" spans="1:22" s="5" customFormat="1">
      <c r="A132" s="45" t="s">
        <v>475</v>
      </c>
      <c r="B132" s="54">
        <v>241</v>
      </c>
      <c r="C132" s="55">
        <v>73.527051332956802</v>
      </c>
      <c r="D132" s="56">
        <v>2.8144865937505754</v>
      </c>
      <c r="E132" s="291">
        <v>0.17301715499468989</v>
      </c>
      <c r="F132" s="298">
        <v>4.8913903934660372E-2</v>
      </c>
      <c r="G132" s="291">
        <v>0.5808679225877118</v>
      </c>
      <c r="H132" s="298">
        <v>6.3073934532389436E-2</v>
      </c>
      <c r="I132" s="54">
        <v>238</v>
      </c>
      <c r="J132" s="55">
        <v>74.401858409958322</v>
      </c>
      <c r="K132" s="56">
        <v>2.8836874719359242</v>
      </c>
      <c r="L132" s="291">
        <v>0.1606158393358228</v>
      </c>
      <c r="M132" s="298">
        <v>4.786250619999801E-2</v>
      </c>
      <c r="N132" s="291">
        <v>0.56871630763352599</v>
      </c>
      <c r="O132" s="298">
        <v>6.3692556475551568E-2</v>
      </c>
      <c r="P132" s="54">
        <v>238</v>
      </c>
      <c r="Q132" s="55">
        <v>75.57508322673938</v>
      </c>
      <c r="R132" s="56">
        <v>2.6896569792445453</v>
      </c>
      <c r="S132" s="291">
        <v>0.14826509887949982</v>
      </c>
      <c r="T132" s="298">
        <v>4.6415050247318047E-2</v>
      </c>
      <c r="U132" s="291">
        <v>0.60315211369772759</v>
      </c>
      <c r="V132" s="298">
        <v>6.294540226704512E-2</v>
      </c>
    </row>
    <row r="133" spans="1:22" s="5" customFormat="1">
      <c r="A133" s="49" t="s">
        <v>441</v>
      </c>
      <c r="B133" s="74">
        <v>76</v>
      </c>
      <c r="C133" s="75">
        <v>72.967124219684933</v>
      </c>
      <c r="D133" s="76">
        <v>4.9928877819970241</v>
      </c>
      <c r="E133" s="295">
        <v>0.20021514214529859</v>
      </c>
      <c r="F133" s="296">
        <v>9.1894357198479673E-2</v>
      </c>
      <c r="G133" s="295">
        <v>0.5851774910191011</v>
      </c>
      <c r="H133" s="296">
        <v>0.11032954670188785</v>
      </c>
      <c r="I133" s="74">
        <v>74</v>
      </c>
      <c r="J133" s="75">
        <v>77.689293442769042</v>
      </c>
      <c r="K133" s="76">
        <v>5.0469087674593771</v>
      </c>
      <c r="L133" s="295">
        <v>0.15399893847911866</v>
      </c>
      <c r="M133" s="296">
        <v>8.5409141395406576E-2</v>
      </c>
      <c r="N133" s="295">
        <v>0.64751985608720697</v>
      </c>
      <c r="O133" s="296">
        <v>0.10870158446647464</v>
      </c>
      <c r="P133" s="74">
        <v>75</v>
      </c>
      <c r="Q133" s="75">
        <v>78.312977894488498</v>
      </c>
      <c r="R133" s="76">
        <v>4.2610777481124735</v>
      </c>
      <c r="S133" s="295">
        <v>0.13001294661878784</v>
      </c>
      <c r="T133" s="296">
        <v>8.0069892404068602E-2</v>
      </c>
      <c r="U133" s="295">
        <v>0.64737571598640886</v>
      </c>
      <c r="V133" s="296">
        <v>0.10801410346439748</v>
      </c>
    </row>
    <row r="134" spans="1:22" s="5" customFormat="1" ht="25.5">
      <c r="A134" s="45" t="s">
        <v>442</v>
      </c>
      <c r="B134" s="71">
        <v>100</v>
      </c>
      <c r="C134" s="72">
        <v>71.473642819347504</v>
      </c>
      <c r="D134" s="73">
        <v>5.2381809773058068</v>
      </c>
      <c r="E134" s="292">
        <v>0.21898182041294956</v>
      </c>
      <c r="F134" s="293">
        <v>8.2505633941463791E-2</v>
      </c>
      <c r="G134" s="292">
        <v>0.54778252773732572</v>
      </c>
      <c r="H134" s="293">
        <v>9.7643204700919917E-2</v>
      </c>
      <c r="I134" s="71">
        <v>99</v>
      </c>
      <c r="J134" s="72">
        <v>70.802546362385613</v>
      </c>
      <c r="K134" s="73">
        <v>5.2493446197001301</v>
      </c>
      <c r="L134" s="292">
        <v>0.20633231281915634</v>
      </c>
      <c r="M134" s="293">
        <v>8.1330569108534173E-2</v>
      </c>
      <c r="N134" s="292">
        <v>0.50271508443745305</v>
      </c>
      <c r="O134" s="293">
        <v>9.8531585740887981E-2</v>
      </c>
      <c r="P134" s="71">
        <v>99</v>
      </c>
      <c r="Q134" s="72">
        <v>72.056305522576309</v>
      </c>
      <c r="R134" s="73">
        <v>5.0726199270493142</v>
      </c>
      <c r="S134" s="292">
        <v>0.19263555609724659</v>
      </c>
      <c r="T134" s="293">
        <v>7.9494109220476603E-2</v>
      </c>
      <c r="U134" s="292">
        <v>0.52734537719971175</v>
      </c>
      <c r="V134" s="293">
        <v>9.8396696959098195E-2</v>
      </c>
    </row>
    <row r="135" spans="1:22" s="5" customFormat="1">
      <c r="A135" s="49" t="s">
        <v>462</v>
      </c>
      <c r="B135" s="74">
        <v>65</v>
      </c>
      <c r="C135" s="75">
        <v>76.415570418516324</v>
      </c>
      <c r="D135" s="76">
        <v>3.8791111642228913</v>
      </c>
      <c r="E135" s="295">
        <v>9.3315153138013029E-2</v>
      </c>
      <c r="F135" s="296">
        <v>7.7357652436357519E-2</v>
      </c>
      <c r="G135" s="295">
        <v>0.61373263009805457</v>
      </c>
      <c r="H135" s="296">
        <v>0.11758959375479228</v>
      </c>
      <c r="I135" s="74">
        <v>65</v>
      </c>
      <c r="J135" s="75">
        <v>75.08626631019186</v>
      </c>
      <c r="K135" s="76">
        <v>4.2625936019186002</v>
      </c>
      <c r="L135" s="295">
        <v>0.115911036806501</v>
      </c>
      <c r="M135" s="296">
        <v>8.3086880576225985E-2</v>
      </c>
      <c r="N135" s="295">
        <v>0.56228470338037218</v>
      </c>
      <c r="O135" s="296">
        <v>0.11955408992347266</v>
      </c>
      <c r="P135" s="74">
        <v>64</v>
      </c>
      <c r="Q135" s="75">
        <v>76.729953672502106</v>
      </c>
      <c r="R135" s="76">
        <v>4.1741171249085172</v>
      </c>
      <c r="S135" s="295">
        <v>0.11701407110504239</v>
      </c>
      <c r="T135" s="296">
        <v>8.4041482246507232E-2</v>
      </c>
      <c r="U135" s="295">
        <v>0.64317039912869445</v>
      </c>
      <c r="V135" s="296">
        <v>0.11678104495882741</v>
      </c>
    </row>
    <row r="136" spans="1:22" s="5" customFormat="1">
      <c r="A136" s="45" t="s">
        <v>450</v>
      </c>
      <c r="B136" s="54">
        <v>230</v>
      </c>
      <c r="C136" s="55">
        <v>71.482810902857537</v>
      </c>
      <c r="D136" s="56">
        <v>3.1273157630159831</v>
      </c>
      <c r="E136" s="291">
        <v>0.20128432757706044</v>
      </c>
      <c r="F136" s="298">
        <v>5.2913977527551788E-2</v>
      </c>
      <c r="G136" s="291">
        <v>0.5344972429084629</v>
      </c>
      <c r="H136" s="298">
        <v>6.5221552503799476E-2</v>
      </c>
      <c r="I136" s="54">
        <v>228</v>
      </c>
      <c r="J136" s="55">
        <v>71.142384238989024</v>
      </c>
      <c r="K136" s="56">
        <v>3.1458102651510145</v>
      </c>
      <c r="L136" s="291">
        <v>0.20147513308474069</v>
      </c>
      <c r="M136" s="298">
        <v>5.3163608200733702E-2</v>
      </c>
      <c r="N136" s="291">
        <v>0.54632378907572099</v>
      </c>
      <c r="O136" s="298">
        <v>6.5380512887044523E-2</v>
      </c>
      <c r="P136" s="54">
        <v>229</v>
      </c>
      <c r="Q136" s="55">
        <v>73.106805825878112</v>
      </c>
      <c r="R136" s="56">
        <v>2.9632698329407914</v>
      </c>
      <c r="S136" s="291">
        <v>0.16474056577691465</v>
      </c>
      <c r="T136" s="298">
        <v>4.9274073652153472E-2</v>
      </c>
      <c r="U136" s="291">
        <v>0.57466968326543544</v>
      </c>
      <c r="V136" s="298">
        <v>6.4802669203816166E-2</v>
      </c>
    </row>
    <row r="137" spans="1:22" s="5" customFormat="1">
      <c r="A137" s="49" t="s">
        <v>443</v>
      </c>
      <c r="B137" s="74">
        <v>110</v>
      </c>
      <c r="C137" s="75">
        <v>77.622316737010109</v>
      </c>
      <c r="D137" s="76">
        <v>4.4815735594540387</v>
      </c>
      <c r="E137" s="295">
        <v>0.13478009579556025</v>
      </c>
      <c r="F137" s="296">
        <v>6.6441002888404266E-2</v>
      </c>
      <c r="G137" s="295">
        <v>0.70898303135368046</v>
      </c>
      <c r="H137" s="296">
        <v>8.5703929195495979E-2</v>
      </c>
      <c r="I137" s="74">
        <v>109</v>
      </c>
      <c r="J137" s="75">
        <v>74.841229578339892</v>
      </c>
      <c r="K137" s="76">
        <v>4.4519856570104261</v>
      </c>
      <c r="L137" s="295">
        <v>0.15110630232188227</v>
      </c>
      <c r="M137" s="296">
        <v>6.9572267697354889E-2</v>
      </c>
      <c r="N137" s="295">
        <v>0.64418249985537013</v>
      </c>
      <c r="O137" s="296">
        <v>9.0359579952965591E-2</v>
      </c>
      <c r="P137" s="74">
        <v>109</v>
      </c>
      <c r="Q137" s="75">
        <v>77.179685628300334</v>
      </c>
      <c r="R137" s="76">
        <v>4.2073589312180015</v>
      </c>
      <c r="S137" s="295">
        <v>0.11915114374687827</v>
      </c>
      <c r="T137" s="296">
        <v>6.3814203219133184E-2</v>
      </c>
      <c r="U137" s="295">
        <v>0.69473672377175688</v>
      </c>
      <c r="V137" s="296">
        <v>8.7180996026934895E-2</v>
      </c>
    </row>
    <row r="138" spans="1:22" s="5" customFormat="1">
      <c r="A138" s="57" t="s">
        <v>444</v>
      </c>
      <c r="B138" s="71">
        <v>120</v>
      </c>
      <c r="C138" s="72">
        <v>68.351895169450884</v>
      </c>
      <c r="D138" s="73">
        <v>4.2543706459566186</v>
      </c>
      <c r="E138" s="292">
        <v>0.23519897007961327</v>
      </c>
      <c r="F138" s="293">
        <v>7.711141782869306E-2</v>
      </c>
      <c r="G138" s="292">
        <v>0.4455160912076509</v>
      </c>
      <c r="H138" s="293">
        <v>8.9301939907433056E-2</v>
      </c>
      <c r="I138" s="71">
        <v>119</v>
      </c>
      <c r="J138" s="72">
        <v>69.256447399040496</v>
      </c>
      <c r="K138" s="73">
        <v>4.3762873197378651</v>
      </c>
      <c r="L138" s="292">
        <v>0.22715677823423708</v>
      </c>
      <c r="M138" s="293">
        <v>7.6577118954778853E-2</v>
      </c>
      <c r="N138" s="292">
        <v>0.49642839450397847</v>
      </c>
      <c r="O138" s="293">
        <v>9.0164810222520403E-2</v>
      </c>
      <c r="P138" s="71">
        <v>120</v>
      </c>
      <c r="Q138" s="72">
        <v>71.03016642371486</v>
      </c>
      <c r="R138" s="73">
        <v>4.0985983458162805</v>
      </c>
      <c r="S138" s="292">
        <v>0.18798524635908181</v>
      </c>
      <c r="T138" s="293">
        <v>7.1578141706979778E-2</v>
      </c>
      <c r="U138" s="292">
        <v>0.51345109612965689</v>
      </c>
      <c r="V138" s="293">
        <v>8.9772212233759058E-2</v>
      </c>
    </row>
    <row r="139" spans="1:22" s="5" customFormat="1">
      <c r="A139" s="49" t="s">
        <v>451</v>
      </c>
      <c r="B139" s="74">
        <v>71</v>
      </c>
      <c r="C139" s="75">
        <v>66.135004123736323</v>
      </c>
      <c r="D139" s="76">
        <v>6.1148794323580544</v>
      </c>
      <c r="E139" s="295">
        <v>0.29144881670928868</v>
      </c>
      <c r="F139" s="296">
        <v>0.10608726112469083</v>
      </c>
      <c r="G139" s="295">
        <v>0.41053874789253941</v>
      </c>
      <c r="H139" s="296">
        <v>0.11380160664011174</v>
      </c>
      <c r="I139" s="74">
        <v>71</v>
      </c>
      <c r="J139" s="75">
        <v>66.202108422197298</v>
      </c>
      <c r="K139" s="76">
        <v>5.8420311775023794</v>
      </c>
      <c r="L139" s="295">
        <v>0.30684291864336061</v>
      </c>
      <c r="M139" s="296">
        <v>0.10747127703935688</v>
      </c>
      <c r="N139" s="295">
        <v>0.36808618110218677</v>
      </c>
      <c r="O139" s="296">
        <v>0.11181064502960977</v>
      </c>
      <c r="P139" s="74">
        <v>71</v>
      </c>
      <c r="Q139" s="75">
        <v>67.673254587988083</v>
      </c>
      <c r="R139" s="76">
        <v>5.8096711569534971</v>
      </c>
      <c r="S139" s="295">
        <v>0.28110108350575846</v>
      </c>
      <c r="T139" s="296">
        <v>0.10508614531799985</v>
      </c>
      <c r="U139" s="295">
        <v>0.36808618110218677</v>
      </c>
      <c r="V139" s="296">
        <v>0.11181064502960977</v>
      </c>
    </row>
    <row r="140" spans="1:22" s="5" customFormat="1">
      <c r="A140" s="57" t="s">
        <v>452</v>
      </c>
      <c r="B140" s="71">
        <v>282</v>
      </c>
      <c r="C140" s="72">
        <v>73.344181038295375</v>
      </c>
      <c r="D140" s="73">
        <v>2.5567501306031293</v>
      </c>
      <c r="E140" s="292">
        <v>0.17358642762600404</v>
      </c>
      <c r="F140" s="293">
        <v>4.525199700518609E-2</v>
      </c>
      <c r="G140" s="292">
        <v>0.58161876782236199</v>
      </c>
      <c r="H140" s="293">
        <v>5.8360276362195491E-2</v>
      </c>
      <c r="I140" s="71">
        <v>281</v>
      </c>
      <c r="J140" s="72">
        <v>72.606838019118499</v>
      </c>
      <c r="K140" s="73">
        <v>2.6506682463675824</v>
      </c>
      <c r="L140" s="292">
        <v>0.20002380826137001</v>
      </c>
      <c r="M140" s="293">
        <v>4.7759995517949953E-2</v>
      </c>
      <c r="N140" s="292">
        <v>0.58767657288881836</v>
      </c>
      <c r="O140" s="293">
        <v>5.834285654778764E-2</v>
      </c>
      <c r="P140" s="71">
        <v>282</v>
      </c>
      <c r="Q140" s="72">
        <v>74.292956407177982</v>
      </c>
      <c r="R140" s="73">
        <v>2.5323512482804631</v>
      </c>
      <c r="S140" s="292">
        <v>0.14964400865051117</v>
      </c>
      <c r="T140" s="293">
        <v>4.2748281924462353E-2</v>
      </c>
      <c r="U140" s="292">
        <v>0.57834717873294617</v>
      </c>
      <c r="V140" s="293">
        <v>5.8421212144831765E-2</v>
      </c>
    </row>
    <row r="141" spans="1:22" s="5" customFormat="1">
      <c r="A141" s="49" t="s">
        <v>445</v>
      </c>
      <c r="B141" s="74">
        <v>93</v>
      </c>
      <c r="C141" s="75">
        <v>68.187037185611374</v>
      </c>
      <c r="D141" s="76">
        <v>5.1078318210279212</v>
      </c>
      <c r="E141" s="295">
        <v>0.2105298601382074</v>
      </c>
      <c r="F141" s="296">
        <v>8.4457103850878887E-2</v>
      </c>
      <c r="G141" s="295">
        <v>0.39786443762137258</v>
      </c>
      <c r="H141" s="296">
        <v>9.9568332649663097E-2</v>
      </c>
      <c r="I141" s="74">
        <v>92</v>
      </c>
      <c r="J141" s="75">
        <v>66.613765289216076</v>
      </c>
      <c r="K141" s="76">
        <v>5.2736058045325924</v>
      </c>
      <c r="L141" s="295">
        <v>0.28203050612093078</v>
      </c>
      <c r="M141" s="296">
        <v>9.2728555675806124E-2</v>
      </c>
      <c r="N141" s="295">
        <v>0.40444143039373143</v>
      </c>
      <c r="O141" s="296">
        <v>0.10033561596214398</v>
      </c>
      <c r="P141" s="74">
        <v>93</v>
      </c>
      <c r="Q141" s="75">
        <v>69.708388831309222</v>
      </c>
      <c r="R141" s="76">
        <v>4.93038584924318</v>
      </c>
      <c r="S141" s="295">
        <v>0.17376410552385266</v>
      </c>
      <c r="T141" s="296">
        <v>7.921441021367108E-2</v>
      </c>
      <c r="U141" s="295">
        <v>0.4385250288046369</v>
      </c>
      <c r="V141" s="296">
        <v>0.10082670357542545</v>
      </c>
    </row>
    <row r="142" spans="1:22" s="5" customFormat="1">
      <c r="A142" s="57" t="s">
        <v>446</v>
      </c>
      <c r="B142" s="71">
        <v>108</v>
      </c>
      <c r="C142" s="72">
        <v>79.322136241881893</v>
      </c>
      <c r="D142" s="73">
        <v>3.0172365828894145</v>
      </c>
      <c r="E142" s="292">
        <v>9.3009985473096343E-2</v>
      </c>
      <c r="F142" s="293">
        <v>5.8547704086007547E-2</v>
      </c>
      <c r="G142" s="292">
        <v>0.74469373625633162</v>
      </c>
      <c r="H142" s="293">
        <v>8.3307818124991953E-2</v>
      </c>
      <c r="I142" s="71">
        <v>108</v>
      </c>
      <c r="J142" s="72">
        <v>78.952376909993774</v>
      </c>
      <c r="K142" s="73">
        <v>3.1285678832315806</v>
      </c>
      <c r="L142" s="292">
        <v>7.7497717237576674E-2</v>
      </c>
      <c r="M142" s="293">
        <v>5.4777053416147491E-2</v>
      </c>
      <c r="N142" s="292">
        <v>0.7460332222981827</v>
      </c>
      <c r="O142" s="293">
        <v>8.3176701522776952E-2</v>
      </c>
      <c r="P142" s="71">
        <v>108</v>
      </c>
      <c r="Q142" s="72">
        <v>79.990022977690444</v>
      </c>
      <c r="R142" s="73">
        <v>3.1289961908663559</v>
      </c>
      <c r="S142" s="292">
        <v>7.6825848265529753E-2</v>
      </c>
      <c r="T142" s="293">
        <v>5.4604549895425444E-2</v>
      </c>
      <c r="U142" s="292">
        <v>0.73059303172540591</v>
      </c>
      <c r="V142" s="293">
        <v>8.4633055157077877E-2</v>
      </c>
    </row>
    <row r="143" spans="1:22" s="5" customFormat="1">
      <c r="A143" s="49" t="s">
        <v>447</v>
      </c>
      <c r="B143" s="74">
        <v>81</v>
      </c>
      <c r="C143" s="75">
        <v>71.600960312299677</v>
      </c>
      <c r="D143" s="76">
        <v>4.9897541204354567</v>
      </c>
      <c r="E143" s="295">
        <v>0.2340048166699451</v>
      </c>
      <c r="F143" s="296">
        <v>9.3494013320997452E-2</v>
      </c>
      <c r="G143" s="295">
        <v>0.5828909479140485</v>
      </c>
      <c r="H143" s="296">
        <v>0.10710314955789035</v>
      </c>
      <c r="I143" s="74">
        <v>81</v>
      </c>
      <c r="J143" s="75">
        <v>71.342046735599325</v>
      </c>
      <c r="K143" s="76">
        <v>5.1694195812457888</v>
      </c>
      <c r="L143" s="295">
        <v>0.26265028063569096</v>
      </c>
      <c r="M143" s="296">
        <v>9.6733098534083517E-2</v>
      </c>
      <c r="N143" s="295">
        <v>0.59427322604613975</v>
      </c>
      <c r="O143" s="296">
        <v>0.10670009479451378</v>
      </c>
      <c r="P143" s="74">
        <v>81</v>
      </c>
      <c r="Q143" s="75">
        <v>72.257257171779699</v>
      </c>
      <c r="R143" s="76">
        <v>5.0019612674011471</v>
      </c>
      <c r="S143" s="295">
        <v>0.2147495370940988</v>
      </c>
      <c r="T143" s="296">
        <v>9.1035902438032931E-2</v>
      </c>
      <c r="U143" s="295">
        <v>0.54356494040014081</v>
      </c>
      <c r="V143" s="296">
        <v>0.10809070684523026</v>
      </c>
    </row>
    <row r="144" spans="1:22" s="5" customFormat="1">
      <c r="A144" s="57" t="s">
        <v>453</v>
      </c>
      <c r="B144" s="71">
        <v>68</v>
      </c>
      <c r="C144" s="72">
        <v>70.357795984802252</v>
      </c>
      <c r="D144" s="73">
        <v>6.2317810913393448</v>
      </c>
      <c r="E144" s="292">
        <v>0.2599880061263804</v>
      </c>
      <c r="F144" s="293">
        <v>0.10504419359359859</v>
      </c>
      <c r="G144" s="292">
        <v>0.46467935050587333</v>
      </c>
      <c r="H144" s="293">
        <v>0.11758855238530484</v>
      </c>
      <c r="I144" s="71">
        <v>67</v>
      </c>
      <c r="J144" s="72">
        <v>70.492827012545504</v>
      </c>
      <c r="K144" s="73">
        <v>6.3692606768269364</v>
      </c>
      <c r="L144" s="292">
        <v>0.2952541826083816</v>
      </c>
      <c r="M144" s="293">
        <v>0.10945950968534639</v>
      </c>
      <c r="N144" s="292">
        <v>0.42319939693755843</v>
      </c>
      <c r="O144" s="293">
        <v>0.1174248449076315</v>
      </c>
      <c r="P144" s="71">
        <v>66</v>
      </c>
      <c r="Q144" s="72">
        <v>73.552570024807849</v>
      </c>
      <c r="R144" s="73">
        <v>5.7323724782692276</v>
      </c>
      <c r="S144" s="292">
        <v>0.2290636860969916</v>
      </c>
      <c r="T144" s="293">
        <v>0.10274604806232422</v>
      </c>
      <c r="U144" s="292">
        <v>0.50046120137761951</v>
      </c>
      <c r="V144" s="293">
        <v>0.11952281573181514</v>
      </c>
    </row>
    <row r="145" spans="1:22" s="5" customFormat="1">
      <c r="A145" s="49" t="s">
        <v>459</v>
      </c>
      <c r="B145" s="74">
        <v>33</v>
      </c>
      <c r="C145" s="75">
        <v>71.592794194739</v>
      </c>
      <c r="D145" s="76">
        <v>7.2666316867852681</v>
      </c>
      <c r="E145" s="295">
        <v>0.14932233238014647</v>
      </c>
      <c r="F145" s="296">
        <v>0.12826369530383824</v>
      </c>
      <c r="G145" s="295">
        <v>0.50248795184037243</v>
      </c>
      <c r="H145" s="296">
        <v>0.16439736833222118</v>
      </c>
      <c r="I145" s="74">
        <v>33</v>
      </c>
      <c r="J145" s="75">
        <v>70.219153303102047</v>
      </c>
      <c r="K145" s="76">
        <v>7.8707097812726055</v>
      </c>
      <c r="L145" s="295">
        <v>0.13783360635138225</v>
      </c>
      <c r="M145" s="296">
        <v>0.12548820441901196</v>
      </c>
      <c r="N145" s="295">
        <v>0.46046170961686161</v>
      </c>
      <c r="O145" s="296">
        <v>0.16398960373250543</v>
      </c>
      <c r="P145" s="74">
        <v>33</v>
      </c>
      <c r="Q145" s="75">
        <v>68.997963892178859</v>
      </c>
      <c r="R145" s="76">
        <v>8.392051239518187</v>
      </c>
      <c r="S145" s="295">
        <v>0.18672582130264359</v>
      </c>
      <c r="T145" s="296">
        <v>0.13633499919077569</v>
      </c>
      <c r="U145" s="295">
        <v>0.44346970210319797</v>
      </c>
      <c r="V145" s="296">
        <v>0.16356102525133789</v>
      </c>
    </row>
    <row r="146" spans="1:22" s="5" customFormat="1"/>
  </sheetData>
  <mergeCells count="23">
    <mergeCell ref="AR63:AX63"/>
    <mergeCell ref="A4:H4"/>
    <mergeCell ref="A3:H3"/>
    <mergeCell ref="A33:H33"/>
    <mergeCell ref="A32:H32"/>
    <mergeCell ref="A61:AX61"/>
    <mergeCell ref="A62:AX62"/>
    <mergeCell ref="W63:AC63"/>
    <mergeCell ref="AD63:AJ63"/>
    <mergeCell ref="AK63:AQ63"/>
    <mergeCell ref="P121:V121"/>
    <mergeCell ref="A5:H5"/>
    <mergeCell ref="A34:H34"/>
    <mergeCell ref="B63:H63"/>
    <mergeCell ref="I63:O63"/>
    <mergeCell ref="P63:V63"/>
    <mergeCell ref="A91:H91"/>
    <mergeCell ref="A90:H90"/>
    <mergeCell ref="A120:V120"/>
    <mergeCell ref="A119:V119"/>
    <mergeCell ref="I121:O121"/>
    <mergeCell ref="A92:H92"/>
    <mergeCell ref="B121:H121"/>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S87"/>
  <sheetViews>
    <sheetView zoomScaleNormal="100" workbookViewId="0">
      <selection activeCell="A3" sqref="A3:W3"/>
    </sheetView>
  </sheetViews>
  <sheetFormatPr defaultColWidth="18" defaultRowHeight="15"/>
  <cols>
    <col min="1" max="1" width="41.7109375" style="5" customWidth="1"/>
    <col min="2" max="4" width="19.42578125" style="5" customWidth="1"/>
    <col min="5" max="8" width="18" style="5"/>
    <col min="9" max="9" width="19.85546875" style="5" customWidth="1"/>
    <col min="10" max="16384" width="18" style="5"/>
  </cols>
  <sheetData>
    <row r="1" spans="1:43" ht="28.5">
      <c r="A1" s="36" t="s">
        <v>64</v>
      </c>
      <c r="P1" s="228"/>
      <c r="Q1" s="228"/>
      <c r="R1" s="228"/>
      <c r="S1" s="228"/>
      <c r="T1" s="228"/>
      <c r="U1" s="228"/>
      <c r="V1" s="228"/>
      <c r="W1" s="228"/>
      <c r="X1" s="228"/>
      <c r="Y1" s="228"/>
      <c r="Z1" s="228"/>
      <c r="AA1" s="228"/>
      <c r="AB1" s="228"/>
      <c r="AC1" s="228"/>
      <c r="AD1" s="228"/>
      <c r="AE1" s="228"/>
      <c r="AF1" s="228"/>
      <c r="AG1" s="228"/>
      <c r="AH1" s="228"/>
      <c r="AI1" s="228"/>
      <c r="AJ1" s="228"/>
      <c r="AK1" s="228"/>
    </row>
    <row r="2" spans="1:43">
      <c r="P2" s="228"/>
      <c r="Q2" s="228"/>
      <c r="R2" s="228"/>
      <c r="S2" s="228"/>
      <c r="T2" s="228"/>
      <c r="U2" s="228"/>
      <c r="V2" s="228"/>
      <c r="W2" s="228"/>
      <c r="X2" s="228"/>
      <c r="Y2" s="228"/>
      <c r="Z2" s="228"/>
      <c r="AA2" s="228"/>
      <c r="AB2" s="228"/>
      <c r="AC2" s="228"/>
      <c r="AD2" s="228"/>
      <c r="AE2" s="228"/>
      <c r="AF2" s="228"/>
      <c r="AG2" s="228"/>
      <c r="AH2" s="228"/>
      <c r="AI2" s="228"/>
      <c r="AJ2" s="228"/>
      <c r="AK2" s="228"/>
    </row>
    <row r="3" spans="1:43" ht="18.75">
      <c r="A3" s="329" t="s">
        <v>33</v>
      </c>
      <c r="B3" s="329"/>
      <c r="C3" s="329"/>
      <c r="D3" s="329"/>
      <c r="E3" s="329"/>
      <c r="F3" s="329"/>
      <c r="G3" s="329"/>
      <c r="H3" s="329"/>
      <c r="I3" s="329"/>
      <c r="J3" s="329"/>
      <c r="K3" s="329"/>
      <c r="L3" s="329"/>
      <c r="M3" s="329"/>
      <c r="N3" s="329"/>
      <c r="O3" s="329"/>
      <c r="P3" s="329"/>
      <c r="Q3" s="329"/>
      <c r="R3" s="329"/>
      <c r="S3" s="329"/>
      <c r="T3" s="329"/>
      <c r="U3" s="329"/>
      <c r="V3" s="329"/>
      <c r="W3" s="329"/>
      <c r="X3" s="267"/>
      <c r="Y3" s="267"/>
      <c r="Z3" s="267"/>
      <c r="AA3" s="267"/>
      <c r="AB3" s="267"/>
      <c r="AC3" s="267"/>
      <c r="AD3" s="267"/>
      <c r="AE3" s="267"/>
      <c r="AF3" s="267"/>
      <c r="AG3" s="267"/>
      <c r="AH3" s="267"/>
      <c r="AI3" s="267"/>
      <c r="AJ3" s="267"/>
      <c r="AK3" s="228"/>
    </row>
    <row r="4" spans="1:43" ht="62.25" customHeight="1">
      <c r="A4" s="328" t="s">
        <v>380</v>
      </c>
      <c r="B4" s="328"/>
      <c r="C4" s="328"/>
      <c r="D4" s="328"/>
      <c r="E4" s="328"/>
      <c r="F4" s="328"/>
      <c r="G4" s="328"/>
      <c r="H4" s="328"/>
      <c r="I4" s="328"/>
      <c r="J4" s="328"/>
      <c r="K4" s="328"/>
      <c r="L4" s="328"/>
      <c r="M4" s="328"/>
      <c r="N4" s="328"/>
      <c r="O4" s="328"/>
      <c r="P4" s="328"/>
      <c r="Q4" s="328"/>
      <c r="R4" s="328"/>
      <c r="S4" s="328"/>
      <c r="T4" s="328"/>
      <c r="U4" s="328"/>
      <c r="V4" s="328"/>
      <c r="W4" s="328"/>
      <c r="X4" s="265"/>
      <c r="Y4" s="265"/>
      <c r="Z4" s="265"/>
      <c r="AA4" s="265"/>
      <c r="AB4" s="265"/>
      <c r="AC4" s="266"/>
      <c r="AD4" s="265"/>
      <c r="AE4" s="265"/>
      <c r="AF4" s="265"/>
      <c r="AG4" s="265"/>
      <c r="AH4" s="265"/>
      <c r="AI4" s="265"/>
      <c r="AJ4" s="265"/>
      <c r="AK4" s="228"/>
    </row>
    <row r="5" spans="1:43" ht="39.75" customHeight="1">
      <c r="A5" s="64"/>
      <c r="B5" s="334" t="s">
        <v>100</v>
      </c>
      <c r="C5" s="335"/>
      <c r="D5" s="335"/>
      <c r="E5" s="335"/>
      <c r="F5" s="335"/>
      <c r="G5" s="335"/>
      <c r="H5" s="335"/>
      <c r="I5" s="335"/>
      <c r="J5" s="335"/>
      <c r="K5" s="335"/>
      <c r="L5" s="336"/>
      <c r="M5" s="337" t="s">
        <v>252</v>
      </c>
      <c r="N5" s="338"/>
      <c r="O5" s="338"/>
      <c r="P5" s="338"/>
      <c r="Q5" s="338"/>
      <c r="R5" s="338"/>
      <c r="S5" s="338"/>
      <c r="T5" s="338"/>
      <c r="U5" s="338"/>
      <c r="V5" s="338"/>
      <c r="W5" s="338"/>
      <c r="X5" s="228"/>
      <c r="Y5" s="228"/>
      <c r="Z5" s="228"/>
      <c r="AA5" s="228"/>
      <c r="AB5" s="228"/>
      <c r="AC5" s="228"/>
      <c r="AD5" s="228"/>
      <c r="AE5" s="228"/>
      <c r="AF5" s="228"/>
      <c r="AG5" s="228"/>
      <c r="AH5" s="228"/>
      <c r="AI5" s="228"/>
      <c r="AJ5" s="228"/>
      <c r="AK5" s="228"/>
      <c r="AL5" s="228"/>
      <c r="AM5" s="228"/>
      <c r="AN5" s="228"/>
      <c r="AO5" s="228"/>
    </row>
    <row r="6" spans="1:43" ht="72">
      <c r="A6" s="37" t="s">
        <v>85</v>
      </c>
      <c r="B6" s="38" t="s">
        <v>86</v>
      </c>
      <c r="C6" s="39" t="s">
        <v>87</v>
      </c>
      <c r="D6" s="40" t="s">
        <v>88</v>
      </c>
      <c r="E6" s="38" t="s">
        <v>178</v>
      </c>
      <c r="F6" s="89" t="s">
        <v>101</v>
      </c>
      <c r="G6" s="38" t="s">
        <v>179</v>
      </c>
      <c r="H6" s="89" t="s">
        <v>102</v>
      </c>
      <c r="I6" s="38" t="s">
        <v>180</v>
      </c>
      <c r="J6" s="89" t="s">
        <v>103</v>
      </c>
      <c r="K6" s="38" t="s">
        <v>356</v>
      </c>
      <c r="L6" s="89" t="s">
        <v>355</v>
      </c>
      <c r="M6" s="65" t="s">
        <v>86</v>
      </c>
      <c r="N6" s="65" t="s">
        <v>87</v>
      </c>
      <c r="O6" s="65" t="s">
        <v>88</v>
      </c>
      <c r="P6" s="65" t="s">
        <v>178</v>
      </c>
      <c r="Q6" s="88" t="s">
        <v>101</v>
      </c>
      <c r="R6" s="65" t="s">
        <v>179</v>
      </c>
      <c r="S6" s="88" t="s">
        <v>102</v>
      </c>
      <c r="T6" s="65" t="s">
        <v>180</v>
      </c>
      <c r="U6" s="88" t="s">
        <v>103</v>
      </c>
      <c r="V6" s="65" t="s">
        <v>356</v>
      </c>
      <c r="W6" s="88" t="s">
        <v>355</v>
      </c>
      <c r="X6" s="228"/>
      <c r="Y6" s="228"/>
      <c r="Z6" s="228"/>
      <c r="AA6" s="228"/>
      <c r="AB6" s="228"/>
      <c r="AC6" s="228"/>
      <c r="AD6" s="228"/>
      <c r="AE6" s="228"/>
      <c r="AF6" s="228"/>
      <c r="AG6" s="228"/>
      <c r="AH6" s="228"/>
      <c r="AI6" s="228"/>
      <c r="AJ6" s="228"/>
      <c r="AK6" s="228"/>
      <c r="AL6" s="228"/>
      <c r="AM6" s="228"/>
      <c r="AN6" s="228"/>
      <c r="AO6" s="228"/>
      <c r="AP6" s="228"/>
      <c r="AQ6" s="228"/>
    </row>
    <row r="7" spans="1:43" ht="92.25" customHeight="1">
      <c r="A7" s="41"/>
      <c r="B7" s="42" t="s">
        <v>89</v>
      </c>
      <c r="C7" s="43" t="s">
        <v>357</v>
      </c>
      <c r="D7" s="44" t="s">
        <v>91</v>
      </c>
      <c r="E7" s="42" t="s">
        <v>181</v>
      </c>
      <c r="F7" s="91" t="s">
        <v>104</v>
      </c>
      <c r="G7" s="42" t="s">
        <v>182</v>
      </c>
      <c r="H7" s="91" t="s">
        <v>104</v>
      </c>
      <c r="I7" s="42" t="s">
        <v>183</v>
      </c>
      <c r="J7" s="91" t="s">
        <v>104</v>
      </c>
      <c r="K7" s="42" t="s">
        <v>356</v>
      </c>
      <c r="L7" s="91" t="s">
        <v>104</v>
      </c>
      <c r="M7" s="68" t="s">
        <v>89</v>
      </c>
      <c r="N7" s="68" t="s">
        <v>357</v>
      </c>
      <c r="O7" s="68" t="s">
        <v>91</v>
      </c>
      <c r="P7" s="68" t="s">
        <v>181</v>
      </c>
      <c r="Q7" s="90" t="s">
        <v>104</v>
      </c>
      <c r="R7" s="68" t="s">
        <v>182</v>
      </c>
      <c r="S7" s="90" t="s">
        <v>104</v>
      </c>
      <c r="T7" s="68" t="s">
        <v>183</v>
      </c>
      <c r="U7" s="90" t="s">
        <v>104</v>
      </c>
      <c r="V7" s="68" t="s">
        <v>356</v>
      </c>
      <c r="W7" s="90" t="s">
        <v>104</v>
      </c>
    </row>
    <row r="8" spans="1:43">
      <c r="A8" s="45" t="s">
        <v>434</v>
      </c>
      <c r="B8" s="100">
        <v>9381</v>
      </c>
      <c r="C8" s="101">
        <v>5.2260135235325373</v>
      </c>
      <c r="D8" s="102">
        <v>2.7253467328543442E-2</v>
      </c>
      <c r="E8" s="93">
        <v>9.8749675005076726E-2</v>
      </c>
      <c r="F8" s="94">
        <v>6.1636495798406618E-3</v>
      </c>
      <c r="G8" s="93">
        <v>0.13570839244770772</v>
      </c>
      <c r="H8" s="94">
        <v>7.0738467002636578E-3</v>
      </c>
      <c r="I8" s="93">
        <v>0.70822737345529885</v>
      </c>
      <c r="J8" s="94">
        <v>9.3855626104899399E-3</v>
      </c>
      <c r="K8" s="93">
        <v>5.7314559091932463E-2</v>
      </c>
      <c r="L8" s="94">
        <v>4.8061678848577783E-3</v>
      </c>
      <c r="M8" s="92">
        <v>9383</v>
      </c>
      <c r="N8" s="101">
        <v>5.5</v>
      </c>
      <c r="O8" s="102">
        <v>3.9199999999999999E-2</v>
      </c>
      <c r="P8" s="93">
        <v>0.104</v>
      </c>
      <c r="Q8" s="94">
        <v>6.3059192654077558E-3</v>
      </c>
      <c r="R8" s="93">
        <v>0.109</v>
      </c>
      <c r="S8" s="94">
        <v>6.4373889196710169E-3</v>
      </c>
      <c r="T8" s="93">
        <v>0.77900000000000003</v>
      </c>
      <c r="U8" s="94">
        <v>8.5667302804752245E-3</v>
      </c>
      <c r="V8" s="93">
        <v>7.0000000000000001E-3</v>
      </c>
      <c r="W8" s="94">
        <v>1.7464865332154111E-3</v>
      </c>
    </row>
    <row r="9" spans="1:43">
      <c r="A9" s="49" t="s">
        <v>435</v>
      </c>
      <c r="B9" s="104">
        <v>8740</v>
      </c>
      <c r="C9" s="105">
        <v>5.2</v>
      </c>
      <c r="D9" s="106">
        <v>2.8386114124111905E-2</v>
      </c>
      <c r="E9" s="96">
        <v>0.1</v>
      </c>
      <c r="F9" s="97">
        <v>6.4216850363211127E-3</v>
      </c>
      <c r="G9" s="96">
        <v>0.13900000000000001</v>
      </c>
      <c r="H9" s="97">
        <v>7.4028692144141386E-3</v>
      </c>
      <c r="I9" s="96">
        <v>0.70699999999999996</v>
      </c>
      <c r="J9" s="97">
        <v>9.7355282174307386E-3</v>
      </c>
      <c r="K9" s="96">
        <v>5.3999999999999999E-2</v>
      </c>
      <c r="L9" s="97">
        <v>4.8427207059158588E-3</v>
      </c>
      <c r="M9" s="95">
        <v>8741</v>
      </c>
      <c r="N9" s="105">
        <v>5.5</v>
      </c>
      <c r="O9" s="106">
        <v>3.1523138752816419E-2</v>
      </c>
      <c r="P9" s="96">
        <v>0.108</v>
      </c>
      <c r="Q9" s="97">
        <v>6.6429494981215522E-3</v>
      </c>
      <c r="R9" s="96">
        <v>0.11799999999999999</v>
      </c>
      <c r="S9" s="97">
        <v>6.904045829710815E-3</v>
      </c>
      <c r="T9" s="96">
        <v>0.76700000000000002</v>
      </c>
      <c r="U9" s="97">
        <v>9.0428419579258769E-3</v>
      </c>
      <c r="V9" s="96">
        <v>6.0000000000000001E-3</v>
      </c>
      <c r="W9" s="97">
        <v>1.6822750177737824E-3</v>
      </c>
    </row>
    <row r="10" spans="1:43">
      <c r="A10" s="45" t="s">
        <v>436</v>
      </c>
      <c r="B10" s="100">
        <v>839</v>
      </c>
      <c r="C10" s="101">
        <v>5</v>
      </c>
      <c r="D10" s="102">
        <v>9.8000000000000004E-2</v>
      </c>
      <c r="E10" s="93">
        <v>0.10299999999999999</v>
      </c>
      <c r="F10" s="94">
        <v>2.1106199053866914E-2</v>
      </c>
      <c r="G10" s="93">
        <v>0.153</v>
      </c>
      <c r="H10" s="94">
        <v>2.4906083184323583E-2</v>
      </c>
      <c r="I10" s="93">
        <v>0.61399999999999999</v>
      </c>
      <c r="J10" s="94">
        <v>3.3543374187602067E-2</v>
      </c>
      <c r="K10" s="93">
        <v>0.13</v>
      </c>
      <c r="L10" s="94">
        <v>2.3298169135657482E-2</v>
      </c>
      <c r="M10" s="92">
        <v>839</v>
      </c>
      <c r="N10" s="101">
        <v>5</v>
      </c>
      <c r="O10" s="102">
        <v>9.8000000000000004E-2</v>
      </c>
      <c r="P10" s="93">
        <v>0.10100000000000001</v>
      </c>
      <c r="Q10" s="94">
        <v>2.0928191061553039E-2</v>
      </c>
      <c r="R10" s="93">
        <v>0.11899999999999999</v>
      </c>
      <c r="S10" s="94">
        <v>2.244944737091643E-2</v>
      </c>
      <c r="T10" s="93">
        <v>0.77300000000000002</v>
      </c>
      <c r="U10" s="94">
        <v>2.8912810890447931E-2</v>
      </c>
      <c r="V10" s="93">
        <v>6.0000000000000001E-3</v>
      </c>
      <c r="W10" s="94">
        <v>6.2659095712180174E-3</v>
      </c>
    </row>
    <row r="11" spans="1:43">
      <c r="A11" s="49" t="s">
        <v>437</v>
      </c>
      <c r="B11" s="104">
        <v>2550</v>
      </c>
      <c r="C11" s="105">
        <v>5.2512101361355326</v>
      </c>
      <c r="D11" s="106">
        <v>5.8799999999999998E-2</v>
      </c>
      <c r="E11" s="96">
        <v>9.4820422911291655E-2</v>
      </c>
      <c r="F11" s="97">
        <v>1.1628775480486733E-2</v>
      </c>
      <c r="G11" s="96">
        <v>0.12864435336645347</v>
      </c>
      <c r="H11" s="97">
        <v>1.3275386344814399E-2</v>
      </c>
      <c r="I11" s="96">
        <v>0.71856366057696253</v>
      </c>
      <c r="J11" s="97">
        <v>1.7803391636668178E-2</v>
      </c>
      <c r="K11" s="96">
        <v>5.797156314530158E-2</v>
      </c>
      <c r="L11" s="97">
        <v>9.299877251628003E-3</v>
      </c>
      <c r="M11" s="95">
        <v>2555</v>
      </c>
      <c r="N11" s="105">
        <v>5.6</v>
      </c>
      <c r="O11" s="106">
        <v>5.8799999999999998E-2</v>
      </c>
      <c r="P11" s="96">
        <v>0.1</v>
      </c>
      <c r="Q11" s="97">
        <v>1.1893746371462679E-2</v>
      </c>
      <c r="R11" s="96">
        <v>0.106</v>
      </c>
      <c r="S11" s="97">
        <v>1.2201827727504793E-2</v>
      </c>
      <c r="T11" s="96">
        <v>0.78800000000000003</v>
      </c>
      <c r="U11" s="97">
        <v>1.6171951105227098E-2</v>
      </c>
      <c r="V11" s="96">
        <v>5.0000000000000001E-3</v>
      </c>
      <c r="W11" s="97">
        <v>2.9954775529433398E-3</v>
      </c>
    </row>
    <row r="12" spans="1:43">
      <c r="A12" s="45" t="s">
        <v>438</v>
      </c>
      <c r="B12" s="100">
        <v>2390</v>
      </c>
      <c r="C12" s="101">
        <v>5.24</v>
      </c>
      <c r="D12" s="102">
        <v>5.8799999999999998E-2</v>
      </c>
      <c r="E12" s="93">
        <v>9.7000000000000003E-2</v>
      </c>
      <c r="F12" s="94">
        <v>1.2134946237600515E-2</v>
      </c>
      <c r="G12" s="93">
        <v>0.127</v>
      </c>
      <c r="H12" s="94">
        <v>1.3639072162514769E-2</v>
      </c>
      <c r="I12" s="93">
        <v>0.71799999999999997</v>
      </c>
      <c r="J12" s="94">
        <v>1.840029592246788E-2</v>
      </c>
      <c r="K12" s="93">
        <v>5.7000000000000002E-2</v>
      </c>
      <c r="L12" s="94">
        <v>9.5343774046980564E-3</v>
      </c>
      <c r="M12" s="92">
        <v>2490</v>
      </c>
      <c r="N12" s="101">
        <v>5.55</v>
      </c>
      <c r="O12" s="102">
        <v>5.8799999999999998E-2</v>
      </c>
      <c r="P12" s="93">
        <v>0.1</v>
      </c>
      <c r="Q12" s="94">
        <v>1.2048606462795758E-2</v>
      </c>
      <c r="R12" s="93">
        <v>0.107</v>
      </c>
      <c r="S12" s="94">
        <v>1.241142013162618E-2</v>
      </c>
      <c r="T12" s="93">
        <v>0.78700000000000003</v>
      </c>
      <c r="U12" s="94">
        <v>1.6409700567379958E-2</v>
      </c>
      <c r="V12" s="93">
        <v>6.0000000000000001E-3</v>
      </c>
      <c r="W12" s="94">
        <v>3.2893515260882101E-3</v>
      </c>
    </row>
    <row r="13" spans="1:43">
      <c r="A13" s="49" t="s">
        <v>449</v>
      </c>
      <c r="B13" s="104">
        <v>287</v>
      </c>
      <c r="C13" s="105">
        <v>5.078138754525507</v>
      </c>
      <c r="D13" s="106">
        <v>0.15679999999999999</v>
      </c>
      <c r="E13" s="96">
        <v>9.8382176685912218E-2</v>
      </c>
      <c r="F13" s="97">
        <v>3.5774576054555841E-2</v>
      </c>
      <c r="G13" s="96">
        <v>0.23083900793435788</v>
      </c>
      <c r="H13" s="97">
        <v>4.9676667199970603E-2</v>
      </c>
      <c r="I13" s="96">
        <v>0.63754936876152124</v>
      </c>
      <c r="J13" s="97">
        <v>5.6422160486336026E-2</v>
      </c>
      <c r="K13" s="96">
        <v>3.3229446618210021E-2</v>
      </c>
      <c r="L13" s="97">
        <v>2.2876860897443996E-2</v>
      </c>
      <c r="M13" s="95">
        <v>289</v>
      </c>
      <c r="N13" s="105">
        <v>5.6</v>
      </c>
      <c r="O13" s="106">
        <v>0.15679999999999999</v>
      </c>
      <c r="P13" s="96">
        <v>0.12722921117617461</v>
      </c>
      <c r="Q13" s="97">
        <v>3.9590069706014176E-2</v>
      </c>
      <c r="R13" s="96">
        <v>8.6706863975297963E-2</v>
      </c>
      <c r="S13" s="97">
        <v>3.3827657255642962E-2</v>
      </c>
      <c r="T13" s="96">
        <v>0.78606392484852761</v>
      </c>
      <c r="U13" s="97">
        <v>4.8229615165863444E-2</v>
      </c>
      <c r="V13" s="96">
        <v>0</v>
      </c>
      <c r="W13" s="97">
        <v>9.6203319457950059E-3</v>
      </c>
    </row>
    <row r="14" spans="1:43">
      <c r="A14" s="45" t="s">
        <v>439</v>
      </c>
      <c r="B14" s="100">
        <v>145</v>
      </c>
      <c r="C14" s="101">
        <v>5.119945012520148</v>
      </c>
      <c r="D14" s="102">
        <v>0.21559999999999999</v>
      </c>
      <c r="E14" s="93">
        <v>8.982875977201861E-2</v>
      </c>
      <c r="F14" s="94">
        <v>4.9336904757863842E-2</v>
      </c>
      <c r="G14" s="93">
        <v>0.22834449219759306</v>
      </c>
      <c r="H14" s="94">
        <v>6.9535822525378141E-2</v>
      </c>
      <c r="I14" s="93">
        <v>0.64922419265308251</v>
      </c>
      <c r="J14" s="94">
        <v>7.8391836638952883E-2</v>
      </c>
      <c r="K14" s="93">
        <v>3.2602555377306539E-2</v>
      </c>
      <c r="L14" s="94">
        <v>3.4019971568798914E-2</v>
      </c>
      <c r="M14" s="92">
        <v>145</v>
      </c>
      <c r="N14" s="101">
        <v>5.7</v>
      </c>
      <c r="O14" s="102">
        <v>0.21559999999999999</v>
      </c>
      <c r="P14" s="93">
        <v>0.10203707832278583</v>
      </c>
      <c r="Q14" s="94">
        <v>5.1816584761727666E-2</v>
      </c>
      <c r="R14" s="93">
        <v>3.1765612317932498E-2</v>
      </c>
      <c r="S14" s="94">
        <v>3.3726102443997409E-2</v>
      </c>
      <c r="T14" s="93">
        <v>0.86619730935928163</v>
      </c>
      <c r="U14" s="94">
        <v>5.7463828409420874E-2</v>
      </c>
      <c r="V14" s="93">
        <v>0</v>
      </c>
      <c r="W14" s="94">
        <v>1.8854901079065334E-2</v>
      </c>
    </row>
    <row r="15" spans="1:43" ht="24.75" customHeight="1">
      <c r="A15" s="49" t="s">
        <v>440</v>
      </c>
      <c r="B15" s="104">
        <v>94</v>
      </c>
      <c r="C15" s="105">
        <v>4.9854198246594859</v>
      </c>
      <c r="D15" s="106">
        <v>0.27440000000000003</v>
      </c>
      <c r="E15" s="96">
        <v>0.10087809724223479</v>
      </c>
      <c r="F15" s="97">
        <v>6.4977315497950688E-2</v>
      </c>
      <c r="G15" s="96">
        <v>0.26907048053408766</v>
      </c>
      <c r="H15" s="97">
        <v>9.0561976884409617E-2</v>
      </c>
      <c r="I15" s="96">
        <v>0.63005142222367772</v>
      </c>
      <c r="J15" s="97">
        <v>9.7820980560622273E-2</v>
      </c>
      <c r="K15" s="96">
        <v>0</v>
      </c>
      <c r="L15" s="97">
        <v>2.8565478049949598E-2</v>
      </c>
      <c r="M15" s="95">
        <v>94</v>
      </c>
      <c r="N15" s="105">
        <v>5.0999999999999996</v>
      </c>
      <c r="O15" s="106">
        <v>0.29399999999999998</v>
      </c>
      <c r="P15" s="96">
        <v>0.19937144323912018</v>
      </c>
      <c r="Q15" s="97">
        <v>8.2523877029991102E-2</v>
      </c>
      <c r="R15" s="96">
        <v>0.17443162433074305</v>
      </c>
      <c r="S15" s="97">
        <v>7.8890593954625637E-2</v>
      </c>
      <c r="T15" s="96">
        <v>0.62619693243013719</v>
      </c>
      <c r="U15" s="97">
        <v>9.8010381972185978E-2</v>
      </c>
      <c r="V15" s="96">
        <v>0</v>
      </c>
      <c r="W15" s="97">
        <v>2.8565478049949598E-2</v>
      </c>
    </row>
    <row r="16" spans="1:43">
      <c r="A16" s="45" t="s">
        <v>475</v>
      </c>
      <c r="B16" s="100">
        <v>256</v>
      </c>
      <c r="C16" s="101">
        <v>5.1023030410640811</v>
      </c>
      <c r="D16" s="102">
        <v>0.15679999999999999</v>
      </c>
      <c r="E16" s="93">
        <v>0.11976571264926901</v>
      </c>
      <c r="F16" s="94">
        <v>4.1107031848896754E-2</v>
      </c>
      <c r="G16" s="93">
        <v>0.18786638294806757</v>
      </c>
      <c r="H16" s="94">
        <v>4.8918662690755947E-2</v>
      </c>
      <c r="I16" s="93">
        <v>0.66794435949791209</v>
      </c>
      <c r="J16" s="94">
        <v>5.852755720797298E-2</v>
      </c>
      <c r="K16" s="93">
        <v>2.4423544904752369E-2</v>
      </c>
      <c r="L16" s="94">
        <v>2.1744202211942464E-2</v>
      </c>
      <c r="M16" s="92">
        <v>256</v>
      </c>
      <c r="N16" s="101">
        <v>5.2</v>
      </c>
      <c r="O16" s="102">
        <v>0.19600000000000001</v>
      </c>
      <c r="P16" s="93">
        <v>0.17394025446904976</v>
      </c>
      <c r="Q16" s="94">
        <v>4.7544490663124286E-2</v>
      </c>
      <c r="R16" s="93">
        <v>0.1730829509146857</v>
      </c>
      <c r="S16" s="94">
        <v>4.7456603865310552E-2</v>
      </c>
      <c r="T16" s="93">
        <v>0.6528485940614529</v>
      </c>
      <c r="U16" s="94">
        <v>5.9141372964124139E-2</v>
      </c>
      <c r="V16" s="93">
        <v>1.2820055481300183E-4</v>
      </c>
      <c r="W16" s="94">
        <v>1.0924500641141904E-2</v>
      </c>
    </row>
    <row r="17" spans="1:45">
      <c r="A17" s="49" t="s">
        <v>441</v>
      </c>
      <c r="B17" s="104">
        <v>82</v>
      </c>
      <c r="C17" s="105">
        <v>5.1482109807676819</v>
      </c>
      <c r="D17" s="106">
        <v>0.25480000000000003</v>
      </c>
      <c r="E17" s="96">
        <v>0.10056951661296416</v>
      </c>
      <c r="F17" s="97">
        <v>6.9867485636745455E-2</v>
      </c>
      <c r="G17" s="96">
        <v>0.16379094437354444</v>
      </c>
      <c r="H17" s="97">
        <v>8.2753194665715596E-2</v>
      </c>
      <c r="I17" s="96">
        <v>0.73563953901349155</v>
      </c>
      <c r="J17" s="97">
        <v>9.6332538180373448E-2</v>
      </c>
      <c r="K17" s="96">
        <v>0</v>
      </c>
      <c r="L17" s="97">
        <v>3.2504011252172456E-2</v>
      </c>
      <c r="M17" s="95">
        <v>82</v>
      </c>
      <c r="N17" s="105">
        <v>5.2</v>
      </c>
      <c r="O17" s="106">
        <v>0.3528</v>
      </c>
      <c r="P17" s="96">
        <v>0.14214823230045787</v>
      </c>
      <c r="Q17" s="97">
        <v>7.8821978498412923E-2</v>
      </c>
      <c r="R17" s="96">
        <v>0.17609011795156337</v>
      </c>
      <c r="S17" s="97">
        <v>8.4802148548196093E-2</v>
      </c>
      <c r="T17" s="96">
        <v>0.68176164974797926</v>
      </c>
      <c r="U17" s="97">
        <v>0.10114793885951019</v>
      </c>
      <c r="V17" s="96">
        <v>0</v>
      </c>
      <c r="W17" s="97">
        <v>3.2504011252172456E-2</v>
      </c>
    </row>
    <row r="18" spans="1:45" ht="25.5">
      <c r="A18" s="45" t="s">
        <v>442</v>
      </c>
      <c r="B18" s="100">
        <v>105</v>
      </c>
      <c r="C18" s="101">
        <v>5.0251896894481645</v>
      </c>
      <c r="D18" s="102">
        <v>0.23519999999999999</v>
      </c>
      <c r="E18" s="93">
        <v>0.15564965955910265</v>
      </c>
      <c r="F18" s="94">
        <v>7.1668468930349838E-2</v>
      </c>
      <c r="G18" s="93">
        <v>0.18527183497038899</v>
      </c>
      <c r="H18" s="94">
        <v>7.6165631328277153E-2</v>
      </c>
      <c r="I18" s="93">
        <v>0.65907850547050928</v>
      </c>
      <c r="J18" s="94">
        <v>9.1173243462684475E-2</v>
      </c>
      <c r="K18" s="93">
        <v>0</v>
      </c>
      <c r="L18" s="94">
        <v>2.5709707484377786E-2</v>
      </c>
      <c r="M18" s="92">
        <v>105</v>
      </c>
      <c r="N18" s="101">
        <v>5.2</v>
      </c>
      <c r="O18" s="102">
        <v>0.29399999999999998</v>
      </c>
      <c r="P18" s="93">
        <v>0.19244670886376222</v>
      </c>
      <c r="Q18" s="94">
        <v>7.7157269417951299E-2</v>
      </c>
      <c r="R18" s="93">
        <v>0.11710985222492448</v>
      </c>
      <c r="S18" s="94">
        <v>6.4667872384789618E-2</v>
      </c>
      <c r="T18" s="93">
        <v>0.69006683219021336</v>
      </c>
      <c r="U18" s="94">
        <v>8.9129810541215215E-2</v>
      </c>
      <c r="V18" s="93">
        <v>3.7660672110019424E-4</v>
      </c>
      <c r="W18" s="94">
        <v>2.5957829791954642E-2</v>
      </c>
    </row>
    <row r="19" spans="1:45">
      <c r="A19" s="49" t="s">
        <v>462</v>
      </c>
      <c r="B19" s="104">
        <v>69</v>
      </c>
      <c r="C19" s="105">
        <v>5.1385110770116755</v>
      </c>
      <c r="D19" s="106">
        <v>0.29399999999999998</v>
      </c>
      <c r="E19" s="96">
        <v>0.1019458421039128</v>
      </c>
      <c r="F19" s="97">
        <v>7.708427220893227E-2</v>
      </c>
      <c r="G19" s="96">
        <v>0.21547622981887651</v>
      </c>
      <c r="H19" s="97">
        <v>9.8669175226298395E-2</v>
      </c>
      <c r="I19" s="96">
        <v>0.60727353102286319</v>
      </c>
      <c r="J19" s="97">
        <v>0.11460926990008631</v>
      </c>
      <c r="K19" s="96">
        <v>7.5304397054347938E-2</v>
      </c>
      <c r="L19" s="97">
        <v>6.9777839902156039E-2</v>
      </c>
      <c r="M19" s="95">
        <v>69</v>
      </c>
      <c r="N19" s="105">
        <v>5.0999999999999996</v>
      </c>
      <c r="O19" s="106">
        <v>0.37240000000000001</v>
      </c>
      <c r="P19" s="96">
        <v>0.18737961518713753</v>
      </c>
      <c r="Q19" s="97">
        <v>9.4415393447753945E-2</v>
      </c>
      <c r="R19" s="96">
        <v>0.22872242036361037</v>
      </c>
      <c r="S19" s="97">
        <v>0.10047894766667481</v>
      </c>
      <c r="T19" s="96">
        <v>0.58389796444925257</v>
      </c>
      <c r="U19" s="97">
        <v>0.11555971726148399</v>
      </c>
      <c r="V19" s="96">
        <v>0</v>
      </c>
      <c r="W19" s="97">
        <v>3.821112970151376E-2</v>
      </c>
    </row>
    <row r="20" spans="1:45">
      <c r="A20" s="45" t="s">
        <v>450</v>
      </c>
      <c r="B20" s="83">
        <v>262</v>
      </c>
      <c r="C20" s="84">
        <v>5.131325365149106</v>
      </c>
      <c r="D20" s="85">
        <v>0.15679999999999999</v>
      </c>
      <c r="E20" s="98">
        <v>8.729417494044911E-2</v>
      </c>
      <c r="F20" s="94">
        <v>3.5700924708798584E-2</v>
      </c>
      <c r="G20" s="98">
        <v>0.12430417478164751</v>
      </c>
      <c r="H20" s="94">
        <v>4.1233930576314907E-2</v>
      </c>
      <c r="I20" s="98">
        <v>0.66548236026074681</v>
      </c>
      <c r="J20" s="94">
        <v>5.7964597355976435E-2</v>
      </c>
      <c r="K20" s="98">
        <v>0.12291929001715615</v>
      </c>
      <c r="L20" s="94">
        <v>4.1049094336120792E-2</v>
      </c>
      <c r="M20" s="83">
        <v>263</v>
      </c>
      <c r="N20" s="84">
        <v>5.6</v>
      </c>
      <c r="O20" s="85">
        <v>0.1764</v>
      </c>
      <c r="P20" s="98">
        <v>7.5026055042983555E-2</v>
      </c>
      <c r="Q20" s="94">
        <v>3.3468176696336095E-2</v>
      </c>
      <c r="R20" s="98">
        <v>0.10399392851829091</v>
      </c>
      <c r="S20" s="94">
        <v>3.8285884107283397E-2</v>
      </c>
      <c r="T20" s="98">
        <v>0.79876166584566832</v>
      </c>
      <c r="U20" s="94">
        <v>4.9476033154987734E-2</v>
      </c>
      <c r="V20" s="98">
        <v>2.2218350593057132E-2</v>
      </c>
      <c r="W20" s="94">
        <v>2.0667936849716843E-2</v>
      </c>
    </row>
    <row r="21" spans="1:45">
      <c r="A21" s="49" t="s">
        <v>443</v>
      </c>
      <c r="B21" s="104">
        <v>124</v>
      </c>
      <c r="C21" s="105">
        <v>5.1820986117777466</v>
      </c>
      <c r="D21" s="106">
        <v>0.21559999999999999</v>
      </c>
      <c r="E21" s="96">
        <v>6.0978140514864547E-2</v>
      </c>
      <c r="F21" s="97">
        <v>4.6475076021486948E-2</v>
      </c>
      <c r="G21" s="96">
        <v>0.16272741723696466</v>
      </c>
      <c r="H21" s="97">
        <v>6.6906106759568901E-2</v>
      </c>
      <c r="I21" s="96">
        <v>0.63963750520111962</v>
      </c>
      <c r="J21" s="97">
        <v>8.509204392546614E-2</v>
      </c>
      <c r="K21" s="96">
        <v>0.1366569370470504</v>
      </c>
      <c r="L21" s="97">
        <v>6.2775400968440476E-2</v>
      </c>
      <c r="M21" s="95">
        <v>125</v>
      </c>
      <c r="N21" s="105">
        <v>5.3</v>
      </c>
      <c r="O21" s="106">
        <v>0.25480000000000003</v>
      </c>
      <c r="P21" s="96">
        <v>0.12810067000778888</v>
      </c>
      <c r="Q21" s="97">
        <v>6.1033785550876837E-2</v>
      </c>
      <c r="R21" s="96">
        <v>5.5992122548190845E-2</v>
      </c>
      <c r="S21" s="97">
        <v>4.4857527352201665E-2</v>
      </c>
      <c r="T21" s="96">
        <v>0.7602933677010012</v>
      </c>
      <c r="U21" s="97">
        <v>7.6022015134187937E-2</v>
      </c>
      <c r="V21" s="96">
        <v>5.5613839743018693E-2</v>
      </c>
      <c r="W21" s="97">
        <v>4.4748333872942393E-2</v>
      </c>
    </row>
    <row r="22" spans="1:45">
      <c r="A22" s="57" t="s">
        <v>444</v>
      </c>
      <c r="B22" s="100">
        <v>138</v>
      </c>
      <c r="C22" s="101">
        <v>5.1064132644707838</v>
      </c>
      <c r="D22" s="102">
        <v>0.23519999999999999</v>
      </c>
      <c r="E22" s="93">
        <v>0.10051492263969725</v>
      </c>
      <c r="F22" s="94">
        <v>5.2881992556198222E-2</v>
      </c>
      <c r="G22" s="93">
        <v>0.10500096267629618</v>
      </c>
      <c r="H22" s="94">
        <v>5.3771046797267026E-2</v>
      </c>
      <c r="I22" s="93">
        <v>0.67846639510965967</v>
      </c>
      <c r="J22" s="94">
        <v>7.8707669753317916E-2</v>
      </c>
      <c r="K22" s="93">
        <v>0.11601771957434721</v>
      </c>
      <c r="L22" s="94">
        <v>5.5853739425413454E-2</v>
      </c>
      <c r="M22" s="92">
        <v>138</v>
      </c>
      <c r="N22" s="101">
        <v>5.7</v>
      </c>
      <c r="O22" s="102">
        <v>0.23519999999999999</v>
      </c>
      <c r="P22" s="93">
        <v>4.8362073189153448E-2</v>
      </c>
      <c r="Q22" s="94">
        <v>4.0194239821199698E-2</v>
      </c>
      <c r="R22" s="93">
        <v>0.12810939848800354</v>
      </c>
      <c r="S22" s="94">
        <v>5.7989638503912082E-2</v>
      </c>
      <c r="T22" s="93">
        <v>0.81808762806616231</v>
      </c>
      <c r="U22" s="94">
        <v>6.5957784709381587E-2</v>
      </c>
      <c r="V22" s="93">
        <v>5.440900256680082E-3</v>
      </c>
      <c r="W22" s="94">
        <v>2.3132723360627178E-2</v>
      </c>
    </row>
    <row r="23" spans="1:45">
      <c r="A23" s="49" t="s">
        <v>451</v>
      </c>
      <c r="B23" s="104">
        <v>81</v>
      </c>
      <c r="C23" s="105">
        <v>5.5494841897185045</v>
      </c>
      <c r="D23" s="106">
        <v>0.23519999999999999</v>
      </c>
      <c r="E23" s="96">
        <v>2.5383514834812063E-2</v>
      </c>
      <c r="F23" s="97">
        <v>4.6243021358659951E-2</v>
      </c>
      <c r="G23" s="96">
        <v>0.15699583685331617</v>
      </c>
      <c r="H23" s="97">
        <v>8.2079076939661294E-2</v>
      </c>
      <c r="I23" s="96">
        <v>0.76031417342253416</v>
      </c>
      <c r="J23" s="97">
        <v>9.4174857374978202E-2</v>
      </c>
      <c r="K23" s="96">
        <v>5.7306474889337461E-2</v>
      </c>
      <c r="L23" s="97">
        <v>5.8222045810520803E-2</v>
      </c>
      <c r="M23" s="95">
        <v>81</v>
      </c>
      <c r="N23" s="105">
        <v>6</v>
      </c>
      <c r="O23" s="106">
        <v>0.27440000000000003</v>
      </c>
      <c r="P23" s="96">
        <v>3.7757576317771907E-2</v>
      </c>
      <c r="Q23" s="97">
        <v>5.1320768278124873E-2</v>
      </c>
      <c r="R23" s="96">
        <v>8.7428073385286714E-2</v>
      </c>
      <c r="S23" s="97">
        <v>6.7012816543822518E-2</v>
      </c>
      <c r="T23" s="96">
        <v>0.87481435029694121</v>
      </c>
      <c r="U23" s="97">
        <v>7.5902502499899466E-2</v>
      </c>
      <c r="V23" s="96">
        <v>0</v>
      </c>
      <c r="W23" s="97">
        <v>3.2881805121991139E-2</v>
      </c>
    </row>
    <row r="24" spans="1:45">
      <c r="A24" s="57" t="s">
        <v>452</v>
      </c>
      <c r="B24" s="100">
        <v>312</v>
      </c>
      <c r="C24" s="101">
        <v>4.9437258323389877</v>
      </c>
      <c r="D24" s="102">
        <v>0.15679999999999999</v>
      </c>
      <c r="E24" s="93">
        <v>0.13239006553831656</v>
      </c>
      <c r="F24" s="94">
        <v>3.869099827698258E-2</v>
      </c>
      <c r="G24" s="93">
        <v>0.1177352679378299</v>
      </c>
      <c r="H24" s="94">
        <v>3.6896993348711757E-2</v>
      </c>
      <c r="I24" s="93">
        <v>0.70020312372761428</v>
      </c>
      <c r="J24" s="94">
        <v>5.1671675665046303E-2</v>
      </c>
      <c r="K24" s="93">
        <v>4.9671542796241024E-2</v>
      </c>
      <c r="L24" s="94">
        <v>2.5731292914875144E-2</v>
      </c>
      <c r="M24" s="92">
        <v>312</v>
      </c>
      <c r="N24" s="101">
        <v>5.3</v>
      </c>
      <c r="O24" s="102">
        <v>0.1764</v>
      </c>
      <c r="P24" s="93">
        <v>0.12953109532746651</v>
      </c>
      <c r="Q24" s="94">
        <v>3.8353025782024527E-2</v>
      </c>
      <c r="R24" s="93">
        <v>0.10320827059075509</v>
      </c>
      <c r="S24" s="94">
        <v>3.4953316428424391E-2</v>
      </c>
      <c r="T24" s="93">
        <v>0.76670522216385861</v>
      </c>
      <c r="U24" s="94">
        <v>4.7820567698059264E-2</v>
      </c>
      <c r="V24" s="93">
        <v>5.5541191792058938E-4</v>
      </c>
      <c r="W24" s="94">
        <v>9.298288511093265E-3</v>
      </c>
    </row>
    <row r="25" spans="1:45">
      <c r="A25" s="49" t="s">
        <v>445</v>
      </c>
      <c r="B25" s="104">
        <v>101</v>
      </c>
      <c r="C25" s="105">
        <v>4.5044268209179439</v>
      </c>
      <c r="D25" s="106">
        <v>0.31359999999999999</v>
      </c>
      <c r="E25" s="96">
        <v>0.20167457053323423</v>
      </c>
      <c r="F25" s="97">
        <v>7.9917477595469785E-2</v>
      </c>
      <c r="G25" s="96">
        <v>0.18031881193291543</v>
      </c>
      <c r="H25" s="97">
        <v>7.695193128665398E-2</v>
      </c>
      <c r="I25" s="96">
        <v>0.51359979190704186</v>
      </c>
      <c r="J25" s="97">
        <v>9.7556600226760715E-2</v>
      </c>
      <c r="K25" s="96">
        <v>0.10440682562680864</v>
      </c>
      <c r="L25" s="97">
        <v>6.3306443899105488E-2</v>
      </c>
      <c r="M25" s="95">
        <v>101</v>
      </c>
      <c r="N25" s="105">
        <v>5.3</v>
      </c>
      <c r="O25" s="106">
        <v>0.31359999999999999</v>
      </c>
      <c r="P25" s="96">
        <v>0.12566495131865574</v>
      </c>
      <c r="Q25" s="97">
        <v>6.7709810781124966E-2</v>
      </c>
      <c r="R25" s="96">
        <v>0.10543854772535681</v>
      </c>
      <c r="S25" s="97">
        <v>6.3532989362116446E-2</v>
      </c>
      <c r="T25" s="96">
        <v>0.76749770312428778</v>
      </c>
      <c r="U25" s="97">
        <v>8.3675779265959316E-2</v>
      </c>
      <c r="V25" s="96">
        <v>1.3987978316994693E-3</v>
      </c>
      <c r="W25" s="97">
        <v>2.7586918651852217E-2</v>
      </c>
    </row>
    <row r="26" spans="1:45">
      <c r="A26" s="57" t="s">
        <v>446</v>
      </c>
      <c r="B26" s="100">
        <v>122</v>
      </c>
      <c r="C26" s="101">
        <v>5.1661086422878721</v>
      </c>
      <c r="D26" s="102">
        <v>0.23519999999999999</v>
      </c>
      <c r="E26" s="93">
        <v>6.0128157086148104E-2</v>
      </c>
      <c r="F26" s="94">
        <v>4.6667573918784719E-2</v>
      </c>
      <c r="G26" s="93">
        <v>0.11037387947881752</v>
      </c>
      <c r="H26" s="94">
        <v>5.8466413580645006E-2</v>
      </c>
      <c r="I26" s="93">
        <v>0.797975879679928</v>
      </c>
      <c r="J26" s="94">
        <v>7.275929624991849E-2</v>
      </c>
      <c r="K26" s="93">
        <v>3.1522083755105984E-2</v>
      </c>
      <c r="L26" s="94">
        <v>3.7476747643571819E-2</v>
      </c>
      <c r="M26" s="92">
        <v>123</v>
      </c>
      <c r="N26" s="101">
        <v>5.2</v>
      </c>
      <c r="O26" s="102">
        <v>0.29399999999999998</v>
      </c>
      <c r="P26" s="99">
        <v>0.13244604748276395</v>
      </c>
      <c r="Q26" s="94">
        <v>6.2312409511557199E-2</v>
      </c>
      <c r="R26" s="93">
        <v>0.12008580429570533</v>
      </c>
      <c r="S26" s="94">
        <v>6.008235271140288E-2</v>
      </c>
      <c r="T26" s="93">
        <v>0.74717881034262223</v>
      </c>
      <c r="U26" s="94">
        <v>7.7903772639525956E-2</v>
      </c>
      <c r="V26" s="93">
        <v>2.8933787890753597E-4</v>
      </c>
      <c r="W26" s="94">
        <v>2.2287563262433394E-2</v>
      </c>
    </row>
    <row r="27" spans="1:45">
      <c r="A27" s="49" t="s">
        <v>447</v>
      </c>
      <c r="B27" s="104">
        <v>89</v>
      </c>
      <c r="C27" s="105">
        <v>5.0823820162684683</v>
      </c>
      <c r="D27" s="106">
        <v>0.25480000000000003</v>
      </c>
      <c r="E27" s="96">
        <v>0.15501903712353904</v>
      </c>
      <c r="F27" s="97">
        <v>7.7876536422577761E-2</v>
      </c>
      <c r="G27" s="96">
        <v>5.942325220611399E-2</v>
      </c>
      <c r="H27" s="97">
        <v>5.5737671117832586E-2</v>
      </c>
      <c r="I27" s="96">
        <v>0.7709598214483091</v>
      </c>
      <c r="J27" s="97">
        <v>8.8660421970251993E-2</v>
      </c>
      <c r="K27" s="96">
        <v>1.4597889222038142E-2</v>
      </c>
      <c r="L27" s="97">
        <v>3.8362669692528523E-2</v>
      </c>
      <c r="M27" s="95">
        <v>88</v>
      </c>
      <c r="N27" s="105">
        <v>5.5</v>
      </c>
      <c r="O27" s="106">
        <v>0.31359999999999999</v>
      </c>
      <c r="P27" s="96">
        <v>0.12974737298070457</v>
      </c>
      <c r="Q27" s="97">
        <v>7.3595385570857028E-2</v>
      </c>
      <c r="R27" s="96">
        <v>7.7577836932787025E-2</v>
      </c>
      <c r="S27" s="97">
        <v>6.1410508716222889E-2</v>
      </c>
      <c r="T27" s="96">
        <v>0.79267479008650854</v>
      </c>
      <c r="U27" s="97">
        <v>8.6383399653370163E-2</v>
      </c>
      <c r="V27" s="96">
        <v>0</v>
      </c>
      <c r="W27" s="97">
        <v>3.0407765486097187E-2</v>
      </c>
    </row>
    <row r="28" spans="1:45">
      <c r="A28" s="57" t="s">
        <v>453</v>
      </c>
      <c r="B28" s="100">
        <v>83</v>
      </c>
      <c r="C28" s="101">
        <v>5.6263333751417317</v>
      </c>
      <c r="D28" s="102">
        <v>0.27440000000000003</v>
      </c>
      <c r="E28" s="93">
        <v>7.4734294231464646E-2</v>
      </c>
      <c r="F28" s="94">
        <v>6.2660094193567564E-2</v>
      </c>
      <c r="G28" s="93">
        <v>0.14495776785389519</v>
      </c>
      <c r="H28" s="94">
        <v>7.8862549044710406E-2</v>
      </c>
      <c r="I28" s="93">
        <v>0.74596834723115313</v>
      </c>
      <c r="J28" s="94">
        <v>9.4670618076122093E-2</v>
      </c>
      <c r="K28" s="93">
        <v>3.4339590683487568E-2</v>
      </c>
      <c r="L28" s="94">
        <v>4.9196432056050864E-2</v>
      </c>
      <c r="M28" s="92">
        <v>83</v>
      </c>
      <c r="N28" s="101">
        <v>5.5</v>
      </c>
      <c r="O28" s="102">
        <v>0.3332</v>
      </c>
      <c r="P28" s="99">
        <v>0.12319887317734646</v>
      </c>
      <c r="Q28" s="94">
        <v>7.4518016553257155E-2</v>
      </c>
      <c r="R28" s="93">
        <v>0.11631059967912413</v>
      </c>
      <c r="S28" s="94">
        <v>7.3032346646530327E-2</v>
      </c>
      <c r="T28" s="93">
        <v>0.76049052714352983</v>
      </c>
      <c r="U28" s="94">
        <v>9.3030909723710212E-2</v>
      </c>
      <c r="V28" s="93">
        <v>0</v>
      </c>
      <c r="W28" s="94">
        <v>3.2134798233390625E-2</v>
      </c>
    </row>
    <row r="29" spans="1:45">
      <c r="A29" s="49" t="s">
        <v>459</v>
      </c>
      <c r="B29" s="104">
        <v>38</v>
      </c>
      <c r="C29" s="105">
        <v>5.0411866160709788</v>
      </c>
      <c r="D29" s="106">
        <v>0.43119999999999997</v>
      </c>
      <c r="E29" s="96">
        <v>0.13373005774602101</v>
      </c>
      <c r="F29" s="97">
        <v>0.11554533069486389</v>
      </c>
      <c r="G29" s="96">
        <v>0.12377042840733944</v>
      </c>
      <c r="H29" s="97">
        <v>0.1130229965857058</v>
      </c>
      <c r="I29" s="96">
        <v>0.69856366828265049</v>
      </c>
      <c r="J29" s="97">
        <v>0.14399896034622689</v>
      </c>
      <c r="K29" s="96">
        <v>4.393584556398885E-2</v>
      </c>
      <c r="L29" s="97">
        <v>8.7143514886583034E-2</v>
      </c>
      <c r="M29" s="95">
        <v>38</v>
      </c>
      <c r="N29" s="105">
        <v>5.4</v>
      </c>
      <c r="O29" s="106">
        <v>0.41159999999999997</v>
      </c>
      <c r="P29" s="96">
        <v>8.1775745750553117E-2</v>
      </c>
      <c r="Q29" s="97">
        <v>0.10086221405421683</v>
      </c>
      <c r="R29" s="96">
        <v>0.16092546056366511</v>
      </c>
      <c r="S29" s="97">
        <v>0.12184493365254419</v>
      </c>
      <c r="T29" s="96">
        <v>0.75729879368578179</v>
      </c>
      <c r="U29" s="97">
        <v>0.13655868624255657</v>
      </c>
      <c r="V29" s="96">
        <v>0</v>
      </c>
      <c r="W29" s="97">
        <v>6.5720529461176583E-2</v>
      </c>
    </row>
    <row r="32" spans="1:45" ht="21" customHeight="1">
      <c r="A32" s="321" t="s">
        <v>34</v>
      </c>
      <c r="B32" s="321"/>
      <c r="C32" s="321"/>
      <c r="D32" s="321"/>
      <c r="E32" s="321"/>
      <c r="F32" s="321"/>
      <c r="G32" s="321"/>
      <c r="H32" s="321"/>
      <c r="I32" s="321"/>
      <c r="J32" s="321"/>
      <c r="K32" s="321"/>
      <c r="L32" s="321"/>
      <c r="M32" s="321"/>
      <c r="N32" s="321"/>
      <c r="O32" s="321"/>
      <c r="P32" s="321"/>
      <c r="Q32" s="321"/>
      <c r="R32" s="321"/>
      <c r="S32" s="321"/>
      <c r="T32" s="321"/>
      <c r="U32" s="321"/>
      <c r="V32" s="321"/>
      <c r="W32" s="321"/>
      <c r="X32" s="321"/>
      <c r="Y32" s="321"/>
      <c r="Z32" s="321"/>
      <c r="AA32" s="321"/>
      <c r="AB32" s="321"/>
      <c r="AC32" s="321"/>
      <c r="AD32" s="321"/>
      <c r="AE32" s="321"/>
      <c r="AF32" s="321"/>
      <c r="AG32" s="321"/>
      <c r="AH32" s="321"/>
      <c r="AI32" s="321"/>
      <c r="AJ32" s="321"/>
      <c r="AK32" s="321"/>
      <c r="AL32" s="321"/>
      <c r="AM32" s="321"/>
      <c r="AN32" s="321"/>
      <c r="AO32" s="321"/>
      <c r="AP32" s="321"/>
      <c r="AQ32" s="321"/>
      <c r="AR32" s="321"/>
      <c r="AS32" s="321"/>
    </row>
    <row r="33" spans="1:45" ht="73.5" customHeight="1">
      <c r="A33" s="330" t="s">
        <v>381</v>
      </c>
      <c r="B33" s="330"/>
      <c r="C33" s="330"/>
      <c r="D33" s="330"/>
      <c r="E33" s="330"/>
      <c r="F33" s="330"/>
      <c r="G33" s="330"/>
      <c r="H33" s="330"/>
      <c r="I33" s="330"/>
      <c r="J33" s="330"/>
      <c r="K33" s="330"/>
      <c r="L33" s="330"/>
      <c r="M33" s="330"/>
      <c r="N33" s="330"/>
      <c r="O33" s="330"/>
      <c r="P33" s="330"/>
      <c r="Q33" s="330"/>
      <c r="R33" s="330"/>
      <c r="S33" s="330"/>
      <c r="T33" s="330"/>
      <c r="U33" s="330"/>
      <c r="V33" s="330"/>
      <c r="W33" s="330"/>
      <c r="X33" s="330"/>
      <c r="Y33" s="330"/>
      <c r="Z33" s="330"/>
      <c r="AA33" s="330"/>
      <c r="AB33" s="330"/>
      <c r="AC33" s="330"/>
      <c r="AD33" s="330"/>
      <c r="AE33" s="330"/>
      <c r="AF33" s="330"/>
      <c r="AG33" s="330"/>
      <c r="AH33" s="330"/>
      <c r="AI33" s="330"/>
      <c r="AJ33" s="330"/>
      <c r="AK33" s="330"/>
      <c r="AL33" s="330"/>
      <c r="AM33" s="330"/>
      <c r="AN33" s="330"/>
      <c r="AO33" s="330"/>
      <c r="AP33" s="330"/>
      <c r="AQ33" s="330"/>
      <c r="AR33" s="330"/>
      <c r="AS33" s="330"/>
    </row>
    <row r="34" spans="1:45" ht="37.5" customHeight="1">
      <c r="A34" s="64"/>
      <c r="B34" s="343" t="s">
        <v>105</v>
      </c>
      <c r="C34" s="344"/>
      <c r="D34" s="344"/>
      <c r="E34" s="344"/>
      <c r="F34" s="344"/>
      <c r="G34" s="344"/>
      <c r="H34" s="344"/>
      <c r="I34" s="344"/>
      <c r="J34" s="344"/>
      <c r="K34" s="344"/>
      <c r="L34" s="345"/>
      <c r="M34" s="343" t="s">
        <v>106</v>
      </c>
      <c r="N34" s="344"/>
      <c r="O34" s="344"/>
      <c r="P34" s="344"/>
      <c r="Q34" s="344"/>
      <c r="R34" s="344"/>
      <c r="S34" s="344"/>
      <c r="T34" s="344"/>
      <c r="U34" s="344"/>
      <c r="V34" s="344"/>
      <c r="W34" s="345"/>
      <c r="X34" s="331" t="s">
        <v>107</v>
      </c>
      <c r="Y34" s="332"/>
      <c r="Z34" s="332"/>
      <c r="AA34" s="332"/>
      <c r="AB34" s="332"/>
      <c r="AC34" s="332"/>
      <c r="AD34" s="332"/>
      <c r="AE34" s="332"/>
      <c r="AF34" s="332"/>
      <c r="AG34" s="332"/>
      <c r="AH34" s="333"/>
      <c r="AI34" s="331" t="s">
        <v>108</v>
      </c>
      <c r="AJ34" s="332"/>
      <c r="AK34" s="332"/>
      <c r="AL34" s="332"/>
      <c r="AM34" s="332"/>
      <c r="AN34" s="332"/>
      <c r="AO34" s="332"/>
      <c r="AP34" s="332"/>
      <c r="AQ34" s="332"/>
      <c r="AR34" s="332"/>
      <c r="AS34" s="333"/>
    </row>
    <row r="35" spans="1:45" ht="72">
      <c r="A35" s="37" t="s">
        <v>85</v>
      </c>
      <c r="B35" s="38" t="s">
        <v>86</v>
      </c>
      <c r="C35" s="39" t="s">
        <v>87</v>
      </c>
      <c r="D35" s="40" t="s">
        <v>88</v>
      </c>
      <c r="E35" s="38" t="s">
        <v>184</v>
      </c>
      <c r="F35" s="89" t="s">
        <v>109</v>
      </c>
      <c r="G35" s="38" t="s">
        <v>185</v>
      </c>
      <c r="H35" s="89" t="s">
        <v>110</v>
      </c>
      <c r="I35" s="38" t="s">
        <v>186</v>
      </c>
      <c r="J35" s="89" t="s">
        <v>111</v>
      </c>
      <c r="K35" s="38" t="s">
        <v>356</v>
      </c>
      <c r="L35" s="89" t="s">
        <v>355</v>
      </c>
      <c r="M35" s="65" t="s">
        <v>86</v>
      </c>
      <c r="N35" s="66" t="s">
        <v>87</v>
      </c>
      <c r="O35" s="67" t="s">
        <v>88</v>
      </c>
      <c r="P35" s="65" t="s">
        <v>187</v>
      </c>
      <c r="Q35" s="88" t="s">
        <v>112</v>
      </c>
      <c r="R35" s="65" t="s">
        <v>188</v>
      </c>
      <c r="S35" s="88" t="s">
        <v>113</v>
      </c>
      <c r="T35" s="65" t="s">
        <v>189</v>
      </c>
      <c r="U35" s="88" t="s">
        <v>114</v>
      </c>
      <c r="V35" s="65" t="s">
        <v>356</v>
      </c>
      <c r="W35" s="88" t="s">
        <v>355</v>
      </c>
      <c r="X35" s="38" t="s">
        <v>86</v>
      </c>
      <c r="Y35" s="39" t="s">
        <v>87</v>
      </c>
      <c r="Z35" s="40" t="s">
        <v>88</v>
      </c>
      <c r="AA35" s="38" t="s">
        <v>190</v>
      </c>
      <c r="AB35" s="89" t="s">
        <v>115</v>
      </c>
      <c r="AC35" s="38" t="s">
        <v>191</v>
      </c>
      <c r="AD35" s="89" t="s">
        <v>116</v>
      </c>
      <c r="AE35" s="38" t="s">
        <v>192</v>
      </c>
      <c r="AF35" s="89" t="s">
        <v>117</v>
      </c>
      <c r="AG35" s="38" t="s">
        <v>356</v>
      </c>
      <c r="AH35" s="89" t="s">
        <v>355</v>
      </c>
      <c r="AI35" s="65" t="s">
        <v>86</v>
      </c>
      <c r="AJ35" s="66" t="s">
        <v>87</v>
      </c>
      <c r="AK35" s="67" t="s">
        <v>88</v>
      </c>
      <c r="AL35" s="65" t="s">
        <v>193</v>
      </c>
      <c r="AM35" s="88" t="s">
        <v>118</v>
      </c>
      <c r="AN35" s="65" t="s">
        <v>194</v>
      </c>
      <c r="AO35" s="88" t="s">
        <v>119</v>
      </c>
      <c r="AP35" s="65" t="s">
        <v>195</v>
      </c>
      <c r="AQ35" s="88" t="s">
        <v>120</v>
      </c>
      <c r="AR35" s="65" t="s">
        <v>356</v>
      </c>
      <c r="AS35" s="88" t="s">
        <v>355</v>
      </c>
    </row>
    <row r="36" spans="1:45" ht="93" customHeight="1">
      <c r="A36" s="41"/>
      <c r="B36" s="42" t="s">
        <v>89</v>
      </c>
      <c r="C36" s="43" t="s">
        <v>121</v>
      </c>
      <c r="D36" s="44" t="s">
        <v>91</v>
      </c>
      <c r="E36" s="42" t="s">
        <v>181</v>
      </c>
      <c r="F36" s="91" t="s">
        <v>104</v>
      </c>
      <c r="G36" s="42" t="s">
        <v>182</v>
      </c>
      <c r="H36" s="91" t="s">
        <v>104</v>
      </c>
      <c r="I36" s="42" t="s">
        <v>183</v>
      </c>
      <c r="J36" s="91" t="s">
        <v>104</v>
      </c>
      <c r="K36" s="42" t="s">
        <v>356</v>
      </c>
      <c r="L36" s="91" t="s">
        <v>104</v>
      </c>
      <c r="M36" s="68" t="s">
        <v>89</v>
      </c>
      <c r="N36" s="69" t="s">
        <v>121</v>
      </c>
      <c r="O36" s="70" t="s">
        <v>91</v>
      </c>
      <c r="P36" s="68" t="s">
        <v>181</v>
      </c>
      <c r="Q36" s="90" t="s">
        <v>104</v>
      </c>
      <c r="R36" s="68" t="s">
        <v>182</v>
      </c>
      <c r="S36" s="90" t="s">
        <v>104</v>
      </c>
      <c r="T36" s="68" t="s">
        <v>183</v>
      </c>
      <c r="U36" s="90" t="s">
        <v>104</v>
      </c>
      <c r="V36" s="68" t="s">
        <v>356</v>
      </c>
      <c r="W36" s="90" t="s">
        <v>104</v>
      </c>
      <c r="X36" s="42" t="s">
        <v>89</v>
      </c>
      <c r="Y36" s="43" t="s">
        <v>121</v>
      </c>
      <c r="Z36" s="44" t="s">
        <v>91</v>
      </c>
      <c r="AA36" s="42" t="s">
        <v>181</v>
      </c>
      <c r="AB36" s="91" t="s">
        <v>104</v>
      </c>
      <c r="AC36" s="42" t="s">
        <v>182</v>
      </c>
      <c r="AD36" s="91" t="s">
        <v>104</v>
      </c>
      <c r="AE36" s="42" t="s">
        <v>183</v>
      </c>
      <c r="AF36" s="91" t="s">
        <v>104</v>
      </c>
      <c r="AG36" s="42" t="s">
        <v>356</v>
      </c>
      <c r="AH36" s="91" t="s">
        <v>104</v>
      </c>
      <c r="AI36" s="68" t="s">
        <v>89</v>
      </c>
      <c r="AJ36" s="69" t="s">
        <v>121</v>
      </c>
      <c r="AK36" s="70" t="s">
        <v>91</v>
      </c>
      <c r="AL36" s="68" t="s">
        <v>181</v>
      </c>
      <c r="AM36" s="90" t="s">
        <v>104</v>
      </c>
      <c r="AN36" s="68" t="s">
        <v>182</v>
      </c>
      <c r="AO36" s="90" t="s">
        <v>104</v>
      </c>
      <c r="AP36" s="68" t="s">
        <v>183</v>
      </c>
      <c r="AQ36" s="90" t="s">
        <v>104</v>
      </c>
      <c r="AR36" s="68" t="s">
        <v>356</v>
      </c>
      <c r="AS36" s="90" t="s">
        <v>104</v>
      </c>
    </row>
    <row r="37" spans="1:45">
      <c r="A37" s="45" t="s">
        <v>434</v>
      </c>
      <c r="B37" s="100">
        <v>8579</v>
      </c>
      <c r="C37" s="101">
        <v>4.5</v>
      </c>
      <c r="D37" s="102">
        <v>3.9199999999999999E-2</v>
      </c>
      <c r="E37" s="103">
        <v>0.217</v>
      </c>
      <c r="F37" s="94">
        <v>8.9005438874569607E-3</v>
      </c>
      <c r="G37" s="103">
        <v>0.24399999999999999</v>
      </c>
      <c r="H37" s="94">
        <v>9.2733815502201253E-3</v>
      </c>
      <c r="I37" s="103">
        <v>0.52</v>
      </c>
      <c r="J37" s="94">
        <v>1.0785320473258423E-2</v>
      </c>
      <c r="K37" s="93">
        <v>1.9E-2</v>
      </c>
      <c r="L37" s="94">
        <v>2.9642788130103989E-3</v>
      </c>
      <c r="M37" s="100">
        <v>8573</v>
      </c>
      <c r="N37" s="101">
        <v>4.7</v>
      </c>
      <c r="O37" s="102">
        <v>3.9199999999999999E-2</v>
      </c>
      <c r="P37" s="103">
        <v>0.157</v>
      </c>
      <c r="Q37" s="94">
        <v>7.8596974369174438E-3</v>
      </c>
      <c r="R37" s="103">
        <v>0.248</v>
      </c>
      <c r="S37" s="94">
        <v>9.3275157526843833E-3</v>
      </c>
      <c r="T37" s="103">
        <v>0.57799999999999996</v>
      </c>
      <c r="U37" s="94">
        <v>1.0665653882230933E-2</v>
      </c>
      <c r="V37" s="93">
        <v>1.7000000000000001E-2</v>
      </c>
      <c r="W37" s="94">
        <v>2.8097785764018457E-3</v>
      </c>
      <c r="X37" s="100">
        <v>8549</v>
      </c>
      <c r="Y37" s="101">
        <v>4.0999999999999996</v>
      </c>
      <c r="Z37" s="102">
        <v>3.9199999999999999E-2</v>
      </c>
      <c r="AA37" s="103">
        <v>0.151</v>
      </c>
      <c r="AB37" s="94">
        <v>7.746507017582273E-3</v>
      </c>
      <c r="AC37" s="103">
        <v>0.248</v>
      </c>
      <c r="AD37" s="94">
        <v>9.3405974024513751E-3</v>
      </c>
      <c r="AE37" s="103">
        <v>0.58599999999999997</v>
      </c>
      <c r="AF37" s="94">
        <v>1.0651871744154428E-2</v>
      </c>
      <c r="AG37" s="93">
        <v>1.4999999999999999E-2</v>
      </c>
      <c r="AH37" s="94">
        <v>2.6481555205133981E-3</v>
      </c>
      <c r="AI37" s="100">
        <v>8542</v>
      </c>
      <c r="AJ37" s="101">
        <v>4.8</v>
      </c>
      <c r="AK37" s="102">
        <v>3.9199999999999999E-2</v>
      </c>
      <c r="AL37" s="103">
        <v>0.28199999999999997</v>
      </c>
      <c r="AM37" s="94">
        <v>9.7360550885938011E-3</v>
      </c>
      <c r="AN37" s="103">
        <v>0.26300000000000001</v>
      </c>
      <c r="AO37" s="94">
        <v>9.5261859184403042E-3</v>
      </c>
      <c r="AP37" s="103">
        <v>0.38900000000000001</v>
      </c>
      <c r="AQ37" s="94">
        <v>1.0547620410977942E-2</v>
      </c>
      <c r="AR37" s="93">
        <v>6.6000000000000003E-2</v>
      </c>
      <c r="AS37" s="94">
        <v>5.3791547440763463E-3</v>
      </c>
    </row>
    <row r="38" spans="1:45">
      <c r="A38" s="49" t="s">
        <v>435</v>
      </c>
      <c r="B38" s="104">
        <v>8696</v>
      </c>
      <c r="C38" s="105">
        <v>4.4594611108365676</v>
      </c>
      <c r="D38" s="106">
        <v>3.9199999999999999E-2</v>
      </c>
      <c r="E38" s="107">
        <v>0.23499999999999999</v>
      </c>
      <c r="F38" s="97">
        <v>9.0931213074317858E-3</v>
      </c>
      <c r="G38" s="107">
        <v>0.24199999999999999</v>
      </c>
      <c r="H38" s="97">
        <v>9.1851252615988647E-3</v>
      </c>
      <c r="I38" s="107">
        <v>0.505</v>
      </c>
      <c r="J38" s="97">
        <v>1.072058977154507E-2</v>
      </c>
      <c r="K38" s="96">
        <v>1.9E-2</v>
      </c>
      <c r="L38" s="97">
        <v>2.9440527887616471E-3</v>
      </c>
      <c r="M38" s="104">
        <v>8886</v>
      </c>
      <c r="N38" s="105">
        <v>4.7</v>
      </c>
      <c r="O38" s="106">
        <v>3.9199999999999999E-2</v>
      </c>
      <c r="P38" s="107">
        <v>0.16900000000000001</v>
      </c>
      <c r="Q38" s="97">
        <v>7.9519810379309573E-3</v>
      </c>
      <c r="R38" s="107">
        <v>0.245</v>
      </c>
      <c r="S38" s="97">
        <v>9.1243996556466256E-3</v>
      </c>
      <c r="T38" s="107">
        <v>0.56999999999999995</v>
      </c>
      <c r="U38" s="97">
        <v>1.050158075747489E-2</v>
      </c>
      <c r="V38" s="96">
        <v>1.6E-2</v>
      </c>
      <c r="W38" s="97">
        <v>2.679317662789837E-3</v>
      </c>
      <c r="X38" s="104">
        <v>7949</v>
      </c>
      <c r="Y38" s="105">
        <v>4.0999999999999996</v>
      </c>
      <c r="Z38" s="106">
        <v>3.9199999999999999E-2</v>
      </c>
      <c r="AA38" s="107">
        <v>0.152</v>
      </c>
      <c r="AB38" s="97">
        <v>8.0554406463226938E-3</v>
      </c>
      <c r="AC38" s="107">
        <v>0.251</v>
      </c>
      <c r="AD38" s="97">
        <v>9.7255524671177353E-3</v>
      </c>
      <c r="AE38" s="107">
        <v>0.58499999999999996</v>
      </c>
      <c r="AF38" s="97">
        <v>1.1050272417136468E-2</v>
      </c>
      <c r="AG38" s="96">
        <v>1.2E-2</v>
      </c>
      <c r="AH38" s="97">
        <v>2.4664723881987986E-3</v>
      </c>
      <c r="AI38" s="104">
        <v>7943</v>
      </c>
      <c r="AJ38" s="105">
        <v>4.8</v>
      </c>
      <c r="AK38" s="106">
        <v>3.1064098662889769E-2</v>
      </c>
      <c r="AL38" s="107">
        <v>0.29799999999999999</v>
      </c>
      <c r="AM38" s="97">
        <v>1.0262370733535442E-2</v>
      </c>
      <c r="AN38" s="107">
        <v>0.26500000000000001</v>
      </c>
      <c r="AO38" s="97">
        <v>9.9027758777084224E-3</v>
      </c>
      <c r="AP38" s="107">
        <v>0.38100000000000001</v>
      </c>
      <c r="AQ38" s="97">
        <v>1.0895554149113808E-2</v>
      </c>
      <c r="AR38" s="96">
        <v>5.7000000000000002E-2</v>
      </c>
      <c r="AS38" s="97">
        <v>5.2109644305612162E-3</v>
      </c>
    </row>
    <row r="39" spans="1:45">
      <c r="A39" s="45" t="s">
        <v>436</v>
      </c>
      <c r="B39" s="100">
        <v>776</v>
      </c>
      <c r="C39" s="101">
        <v>4.4854630000000002</v>
      </c>
      <c r="D39" s="102">
        <v>0.11200224</v>
      </c>
      <c r="E39" s="103">
        <v>0.21099999999999999</v>
      </c>
      <c r="F39" s="94">
        <v>2.9293687879203952E-2</v>
      </c>
      <c r="G39" s="103">
        <v>0.24</v>
      </c>
      <c r="H39" s="94">
        <v>3.0641981889738368E-2</v>
      </c>
      <c r="I39" s="103">
        <v>0.51100000000000001</v>
      </c>
      <c r="J39" s="94">
        <v>3.5797166328443888E-2</v>
      </c>
      <c r="K39" s="93">
        <v>3.7999999999999999E-2</v>
      </c>
      <c r="L39" s="94">
        <v>1.4094835565632262E-2</v>
      </c>
      <c r="M39" s="100">
        <v>775</v>
      </c>
      <c r="N39" s="101">
        <v>4.6161969999999997</v>
      </c>
      <c r="O39" s="102">
        <v>9.871344E-2</v>
      </c>
      <c r="P39" s="103">
        <v>0.17399999999999999</v>
      </c>
      <c r="Q39" s="94">
        <v>2.7268701222223194E-2</v>
      </c>
      <c r="R39" s="103">
        <v>0.246</v>
      </c>
      <c r="S39" s="94">
        <v>3.0916247869434862E-2</v>
      </c>
      <c r="T39" s="103">
        <v>0.54300000000000004</v>
      </c>
      <c r="U39" s="94">
        <v>3.5697339893335706E-2</v>
      </c>
      <c r="V39" s="93">
        <v>3.7999999999999999E-2</v>
      </c>
      <c r="W39" s="94">
        <v>1.4104388338444851E-2</v>
      </c>
      <c r="X39" s="100">
        <v>775</v>
      </c>
      <c r="Y39" s="101">
        <v>4.3922639999999999</v>
      </c>
      <c r="Z39" s="102">
        <v>0.10447388000000001</v>
      </c>
      <c r="AA39" s="103">
        <v>0.191</v>
      </c>
      <c r="AB39" s="94">
        <v>2.8256757126653952E-2</v>
      </c>
      <c r="AC39" s="103">
        <v>0.246</v>
      </c>
      <c r="AD39" s="94">
        <v>3.0916247869434862E-2</v>
      </c>
      <c r="AE39" s="103">
        <v>0.45</v>
      </c>
      <c r="AF39" s="94">
        <v>3.56509686938574E-2</v>
      </c>
      <c r="AG39" s="93">
        <v>0.113</v>
      </c>
      <c r="AH39" s="94">
        <v>2.2859184424296783E-2</v>
      </c>
      <c r="AI39" s="100">
        <v>771</v>
      </c>
      <c r="AJ39" s="101">
        <v>4.6649089999999998</v>
      </c>
      <c r="AK39" s="102">
        <v>0.10943268</v>
      </c>
      <c r="AL39" s="103">
        <v>0.19500000000000001</v>
      </c>
      <c r="AM39" s="94">
        <v>2.8550602952036635E-2</v>
      </c>
      <c r="AN39" s="103">
        <v>0.217</v>
      </c>
      <c r="AO39" s="94">
        <v>2.9685281825217638E-2</v>
      </c>
      <c r="AP39" s="103">
        <v>0.55100000000000005</v>
      </c>
      <c r="AQ39" s="94">
        <v>3.5735644426145609E-2</v>
      </c>
      <c r="AR39" s="93">
        <v>3.6999999999999998E-2</v>
      </c>
      <c r="AS39" s="94">
        <v>1.397474786793693E-2</v>
      </c>
    </row>
    <row r="40" spans="1:45">
      <c r="A40" s="49" t="s">
        <v>437</v>
      </c>
      <c r="B40" s="104">
        <v>2284</v>
      </c>
      <c r="C40" s="105">
        <v>4.5999999999999996</v>
      </c>
      <c r="D40" s="106">
        <v>5.8799999999999998E-2</v>
      </c>
      <c r="E40" s="107">
        <v>0.192</v>
      </c>
      <c r="F40" s="97">
        <v>1.6486241475364476E-2</v>
      </c>
      <c r="G40" s="107">
        <v>0.253</v>
      </c>
      <c r="H40" s="97">
        <v>1.8187260762604854E-2</v>
      </c>
      <c r="I40" s="107">
        <v>0.53200000000000003</v>
      </c>
      <c r="J40" s="97">
        <v>2.0863340606814367E-2</v>
      </c>
      <c r="K40" s="96">
        <v>2.3E-2</v>
      </c>
      <c r="L40" s="97">
        <v>6.3776626864936918E-3</v>
      </c>
      <c r="M40" s="104">
        <v>2281</v>
      </c>
      <c r="N40" s="105">
        <v>4.7</v>
      </c>
      <c r="O40" s="106">
        <v>5.8799999999999998E-2</v>
      </c>
      <c r="P40" s="107">
        <v>0.16400000000000001</v>
      </c>
      <c r="Q40" s="97">
        <v>1.5514455096820567E-2</v>
      </c>
      <c r="R40" s="107">
        <v>0.25</v>
      </c>
      <c r="S40" s="97">
        <v>1.8127611197033801E-2</v>
      </c>
      <c r="T40" s="107">
        <v>0.56899999999999995</v>
      </c>
      <c r="U40" s="97">
        <v>2.0720317584957949E-2</v>
      </c>
      <c r="V40" s="96">
        <v>1.6E-2</v>
      </c>
      <c r="W40" s="97">
        <v>5.3847071628606684E-3</v>
      </c>
      <c r="X40" s="104">
        <v>2283</v>
      </c>
      <c r="Y40" s="105">
        <v>4.4000000000000004</v>
      </c>
      <c r="Z40" s="106">
        <v>5.8799999999999998E-2</v>
      </c>
      <c r="AA40" s="107">
        <v>0.14599999999999999</v>
      </c>
      <c r="AB40" s="97">
        <v>1.4793253882317305E-2</v>
      </c>
      <c r="AC40" s="107">
        <v>0.245</v>
      </c>
      <c r="AD40" s="97">
        <v>1.7997826261341023E-2</v>
      </c>
      <c r="AE40" s="107">
        <v>0.59199999999999997</v>
      </c>
      <c r="AF40" s="97">
        <v>2.0554856119846043E-2</v>
      </c>
      <c r="AG40" s="96">
        <v>1.7000000000000001E-2</v>
      </c>
      <c r="AH40" s="97">
        <v>5.5365919259762727E-3</v>
      </c>
      <c r="AI40" s="104">
        <v>2278</v>
      </c>
      <c r="AJ40" s="105">
        <v>4.8</v>
      </c>
      <c r="AK40" s="106">
        <v>5.8799999999999998E-2</v>
      </c>
      <c r="AL40" s="107">
        <v>0.22600000000000001</v>
      </c>
      <c r="AM40" s="97">
        <v>1.7523589360769951E-2</v>
      </c>
      <c r="AN40" s="107">
        <v>0.249</v>
      </c>
      <c r="AO40" s="97">
        <v>1.8115399331990877E-2</v>
      </c>
      <c r="AP40" s="107">
        <v>0.46100000000000002</v>
      </c>
      <c r="AQ40" s="97">
        <v>2.0869962878616442E-2</v>
      </c>
      <c r="AR40" s="96">
        <v>6.4000000000000001E-2</v>
      </c>
      <c r="AS40" s="97">
        <v>1.0303869993175807E-2</v>
      </c>
    </row>
    <row r="41" spans="1:45">
      <c r="A41" s="45" t="s">
        <v>438</v>
      </c>
      <c r="B41" s="100">
        <v>2193</v>
      </c>
      <c r="C41" s="101">
        <v>4.62</v>
      </c>
      <c r="D41" s="102">
        <v>5.8799999999999998E-2</v>
      </c>
      <c r="E41" s="103">
        <v>0.187</v>
      </c>
      <c r="F41" s="94">
        <v>1.6656721132583891E-2</v>
      </c>
      <c r="G41" s="103">
        <v>0.254</v>
      </c>
      <c r="H41" s="94">
        <v>1.8584607452842537E-2</v>
      </c>
      <c r="I41" s="103">
        <v>0.53400000000000003</v>
      </c>
      <c r="J41" s="94">
        <v>2.1285419993837297E-2</v>
      </c>
      <c r="K41" s="93">
        <v>2.5999999999999999E-2</v>
      </c>
      <c r="L41" s="94">
        <v>6.8988893043332947E-3</v>
      </c>
      <c r="M41" s="100">
        <v>2203</v>
      </c>
      <c r="N41" s="101">
        <v>4.6900000000000004</v>
      </c>
      <c r="O41" s="102">
        <v>5.8799999999999998E-2</v>
      </c>
      <c r="P41" s="103">
        <v>0.16700000000000001</v>
      </c>
      <c r="Q41" s="94">
        <v>1.5901406100030498E-2</v>
      </c>
      <c r="R41" s="103">
        <v>0.251</v>
      </c>
      <c r="S41" s="94">
        <v>1.8469953283951554E-2</v>
      </c>
      <c r="T41" s="103">
        <v>0.56299999999999994</v>
      </c>
      <c r="U41" s="94">
        <v>2.1117204761795686E-2</v>
      </c>
      <c r="V41" s="93">
        <v>1.7999999999999999E-2</v>
      </c>
      <c r="W41" s="94">
        <v>5.7931997501730068E-3</v>
      </c>
      <c r="X41" s="100">
        <v>2210</v>
      </c>
      <c r="Y41" s="101">
        <v>4.4000000000000004</v>
      </c>
      <c r="Z41" s="102">
        <v>5.8799999999999998E-2</v>
      </c>
      <c r="AA41" s="103">
        <v>0.22500000000000001</v>
      </c>
      <c r="AB41" s="94">
        <v>1.7763273938819872E-2</v>
      </c>
      <c r="AC41" s="103">
        <v>0.24299999999999999</v>
      </c>
      <c r="AD41" s="94">
        <v>1.8242046383998727E-2</v>
      </c>
      <c r="AE41" s="103">
        <v>0.47299999999999998</v>
      </c>
      <c r="AF41" s="94">
        <v>2.1221660278608702E-2</v>
      </c>
      <c r="AG41" s="93">
        <v>5.8999999999999997E-2</v>
      </c>
      <c r="AH41" s="94">
        <v>1.007838268129512E-2</v>
      </c>
      <c r="AI41" s="100">
        <v>2197</v>
      </c>
      <c r="AJ41" s="101">
        <v>4.82</v>
      </c>
      <c r="AK41" s="102">
        <v>5.8799999999999998E-2</v>
      </c>
      <c r="AL41" s="103">
        <v>0.14399999999999999</v>
      </c>
      <c r="AM41" s="94">
        <v>1.4995030539204127E-2</v>
      </c>
      <c r="AN41" s="103">
        <v>0.248</v>
      </c>
      <c r="AO41" s="94">
        <v>1.8421418946921401E-2</v>
      </c>
      <c r="AP41" s="103">
        <v>0.59299999999999997</v>
      </c>
      <c r="AQ41" s="94">
        <v>2.0944634315143984E-2</v>
      </c>
      <c r="AR41" s="93">
        <v>1.4999999999999999E-2</v>
      </c>
      <c r="AS41" s="94">
        <v>5.3295227760480129E-3</v>
      </c>
    </row>
    <row r="42" spans="1:45">
      <c r="A42" s="49" t="s">
        <v>449</v>
      </c>
      <c r="B42" s="104">
        <v>262</v>
      </c>
      <c r="C42" s="105">
        <v>4.7</v>
      </c>
      <c r="D42" s="106">
        <v>0.1764</v>
      </c>
      <c r="E42" s="107">
        <v>0.17299999999999999</v>
      </c>
      <c r="F42" s="97">
        <v>4.6898182788863825E-2</v>
      </c>
      <c r="G42" s="107">
        <v>0.26900000000000002</v>
      </c>
      <c r="H42" s="97">
        <v>5.4597884178243419E-2</v>
      </c>
      <c r="I42" s="107">
        <v>0.55200000000000005</v>
      </c>
      <c r="J42" s="97">
        <v>6.0991397378711489E-2</v>
      </c>
      <c r="K42" s="96">
        <v>5.0000000000000001E-3</v>
      </c>
      <c r="L42" s="97">
        <v>1.3593876118516236E-2</v>
      </c>
      <c r="M42" s="104">
        <v>261</v>
      </c>
      <c r="N42" s="105">
        <v>4.5999999999999996</v>
      </c>
      <c r="O42" s="106">
        <v>0.1764</v>
      </c>
      <c r="P42" s="107">
        <v>0.22800000000000001</v>
      </c>
      <c r="Q42" s="97">
        <v>5.1868138007349136E-2</v>
      </c>
      <c r="R42" s="107">
        <v>0.23799999999999999</v>
      </c>
      <c r="S42" s="97">
        <v>5.2616466597044713E-2</v>
      </c>
      <c r="T42" s="107">
        <v>0.52200000000000002</v>
      </c>
      <c r="U42" s="97">
        <v>6.1371802393329004E-2</v>
      </c>
      <c r="V42" s="96">
        <v>1.2E-2</v>
      </c>
      <c r="W42" s="97">
        <v>1.6930933760767975E-2</v>
      </c>
      <c r="X42" s="104">
        <v>262</v>
      </c>
      <c r="Y42" s="105">
        <v>4.3</v>
      </c>
      <c r="Z42" s="106">
        <v>0.19600000000000001</v>
      </c>
      <c r="AA42" s="107">
        <v>0.13</v>
      </c>
      <c r="AB42" s="97">
        <v>4.19785724325549E-2</v>
      </c>
      <c r="AC42" s="107">
        <v>0.192</v>
      </c>
      <c r="AD42" s="97">
        <v>4.8738615575753701E-2</v>
      </c>
      <c r="AE42" s="107">
        <v>0.67300000000000004</v>
      </c>
      <c r="AF42" s="97">
        <v>5.7643492414395286E-2</v>
      </c>
      <c r="AG42" s="96">
        <v>5.0000000000000001E-3</v>
      </c>
      <c r="AH42" s="97">
        <v>1.3593876118516236E-2</v>
      </c>
      <c r="AI42" s="104">
        <v>260</v>
      </c>
      <c r="AJ42" s="105">
        <v>5</v>
      </c>
      <c r="AK42" s="106">
        <v>0.1764</v>
      </c>
      <c r="AL42" s="107">
        <v>0.30399999999999999</v>
      </c>
      <c r="AM42" s="97">
        <v>5.6774314256300557E-2</v>
      </c>
      <c r="AN42" s="107">
        <v>0.20799999999999999</v>
      </c>
      <c r="AO42" s="97">
        <v>5.0347306457206781E-2</v>
      </c>
      <c r="AP42" s="107">
        <v>0.45100000000000001</v>
      </c>
      <c r="AQ42" s="97">
        <v>6.125842012401999E-2</v>
      </c>
      <c r="AR42" s="96">
        <v>3.6999999999999998E-2</v>
      </c>
      <c r="AS42" s="97">
        <v>2.5249607843414294E-2</v>
      </c>
    </row>
    <row r="43" spans="1:45">
      <c r="A43" s="45" t="s">
        <v>439</v>
      </c>
      <c r="B43" s="100">
        <v>130</v>
      </c>
      <c r="C43" s="101">
        <v>4.8</v>
      </c>
      <c r="D43" s="102">
        <v>0.25480000000000003</v>
      </c>
      <c r="E43" s="103">
        <v>0.16900000000000001</v>
      </c>
      <c r="F43" s="94">
        <v>6.6215913005256366E-2</v>
      </c>
      <c r="G43" s="103">
        <v>0.255</v>
      </c>
      <c r="H43" s="94">
        <v>7.6001786269210087E-2</v>
      </c>
      <c r="I43" s="103">
        <v>0.57599999999999996</v>
      </c>
      <c r="J43" s="94">
        <v>8.5442428730642964E-2</v>
      </c>
      <c r="K43" s="93">
        <v>0</v>
      </c>
      <c r="L43" s="94">
        <v>2.0949553032762303E-2</v>
      </c>
      <c r="M43" s="100">
        <v>129</v>
      </c>
      <c r="N43" s="101">
        <v>4.7</v>
      </c>
      <c r="O43" s="102">
        <v>0.25480000000000003</v>
      </c>
      <c r="P43" s="103">
        <v>0.22700000000000001</v>
      </c>
      <c r="Q43" s="94">
        <v>7.3553527054360246E-2</v>
      </c>
      <c r="R43" s="103">
        <v>0.183</v>
      </c>
      <c r="S43" s="94">
        <v>6.8378547646337731E-2</v>
      </c>
      <c r="T43" s="103">
        <v>0.57999999999999996</v>
      </c>
      <c r="U43" s="94">
        <v>8.5660489746958834E-2</v>
      </c>
      <c r="V43" s="93">
        <v>0.01</v>
      </c>
      <c r="W43" s="94">
        <v>2.693625488083275E-2</v>
      </c>
      <c r="X43" s="100">
        <v>130</v>
      </c>
      <c r="Y43" s="101">
        <v>4.5</v>
      </c>
      <c r="Z43" s="102">
        <v>0.25480000000000003</v>
      </c>
      <c r="AA43" s="103">
        <v>0.124</v>
      </c>
      <c r="AB43" s="94">
        <v>5.9082129205384658E-2</v>
      </c>
      <c r="AC43" s="103">
        <v>0.20599999999999999</v>
      </c>
      <c r="AD43" s="94">
        <v>7.0952441068980548E-2</v>
      </c>
      <c r="AE43" s="103">
        <v>0.66300000000000003</v>
      </c>
      <c r="AF43" s="94">
        <v>8.1952577148825964E-2</v>
      </c>
      <c r="AG43" s="93">
        <v>7.0000000000000001E-3</v>
      </c>
      <c r="AH43" s="94">
        <v>2.5182803362248769E-2</v>
      </c>
      <c r="AI43" s="100">
        <v>128</v>
      </c>
      <c r="AJ43" s="101">
        <v>5.0999999999999996</v>
      </c>
      <c r="AK43" s="102">
        <v>0.23519999999999999</v>
      </c>
      <c r="AL43" s="103">
        <v>0.255</v>
      </c>
      <c r="AM43" s="94">
        <v>7.65858123209366E-2</v>
      </c>
      <c r="AN43" s="103">
        <v>0.19900000000000001</v>
      </c>
      <c r="AO43" s="94">
        <v>7.0669262356504114E-2</v>
      </c>
      <c r="AP43" s="103">
        <v>0.497</v>
      </c>
      <c r="AQ43" s="94">
        <v>8.7037354779268217E-2</v>
      </c>
      <c r="AR43" s="93">
        <v>4.8000000000000001E-2</v>
      </c>
      <c r="AS43" s="94">
        <v>4.1883841401197115E-2</v>
      </c>
    </row>
    <row r="44" spans="1:45" ht="24" customHeight="1">
      <c r="A44" s="49" t="s">
        <v>440</v>
      </c>
      <c r="B44" s="104">
        <v>88</v>
      </c>
      <c r="C44" s="105">
        <v>4.2</v>
      </c>
      <c r="D44" s="106">
        <v>0.31359999999999999</v>
      </c>
      <c r="E44" s="107">
        <v>0.188</v>
      </c>
      <c r="F44" s="97">
        <v>8.3649548591339135E-2</v>
      </c>
      <c r="G44" s="107">
        <v>0.38300000000000001</v>
      </c>
      <c r="H44" s="97">
        <v>0.10161210786708805</v>
      </c>
      <c r="I44" s="107">
        <v>0.41</v>
      </c>
      <c r="J44" s="97">
        <v>0.10270028913147231</v>
      </c>
      <c r="K44" s="96">
        <v>0.02</v>
      </c>
      <c r="L44" s="97">
        <v>4.1283349552517355E-2</v>
      </c>
      <c r="M44" s="104">
        <v>88</v>
      </c>
      <c r="N44" s="105">
        <v>4.0999999999999996</v>
      </c>
      <c r="O44" s="106">
        <v>0.29399999999999998</v>
      </c>
      <c r="P44" s="107">
        <v>0.21299999999999999</v>
      </c>
      <c r="Q44" s="97">
        <v>8.7137526170790972E-2</v>
      </c>
      <c r="R44" s="107">
        <v>0.435</v>
      </c>
      <c r="S44" s="97">
        <v>0.10344803453632544</v>
      </c>
      <c r="T44" s="107">
        <v>0.33100000000000002</v>
      </c>
      <c r="U44" s="97">
        <v>9.8658077672153427E-2</v>
      </c>
      <c r="V44" s="96">
        <v>2.1000000000000001E-2</v>
      </c>
      <c r="W44" s="97">
        <v>4.1742828286101111E-2</v>
      </c>
      <c r="X44" s="104">
        <v>88</v>
      </c>
      <c r="Y44" s="105">
        <v>3.4</v>
      </c>
      <c r="Z44" s="106">
        <v>0.3332</v>
      </c>
      <c r="AA44" s="107">
        <v>0.13600000000000001</v>
      </c>
      <c r="AB44" s="97">
        <v>7.4825863430278083E-2</v>
      </c>
      <c r="AC44" s="107">
        <v>0.215</v>
      </c>
      <c r="AD44" s="97">
        <v>8.7398263601998205E-2</v>
      </c>
      <c r="AE44" s="107">
        <v>0.64900000000000002</v>
      </c>
      <c r="AF44" s="97">
        <v>9.9932053845999985E-2</v>
      </c>
      <c r="AG44" s="96">
        <v>0</v>
      </c>
      <c r="AH44" s="97">
        <v>3.0407765486097187E-2</v>
      </c>
      <c r="AI44" s="104">
        <v>88</v>
      </c>
      <c r="AJ44" s="105">
        <v>4.7</v>
      </c>
      <c r="AK44" s="106">
        <v>0.29399999999999998</v>
      </c>
      <c r="AL44" s="107">
        <v>0.46899999999999997</v>
      </c>
      <c r="AM44" s="97">
        <v>0.10407370895129853</v>
      </c>
      <c r="AN44" s="107">
        <v>0.252</v>
      </c>
      <c r="AO44" s="97">
        <v>9.1776645050043834E-2</v>
      </c>
      <c r="AP44" s="107">
        <v>0.255</v>
      </c>
      <c r="AQ44" s="97">
        <v>9.2096616660774427E-2</v>
      </c>
      <c r="AR44" s="96">
        <v>2.4E-2</v>
      </c>
      <c r="AS44" s="97">
        <v>4.3086339432364645E-2</v>
      </c>
    </row>
    <row r="45" spans="1:45">
      <c r="A45" s="45" t="s">
        <v>475</v>
      </c>
      <c r="B45" s="100">
        <v>242</v>
      </c>
      <c r="C45" s="101">
        <v>3.9</v>
      </c>
      <c r="D45" s="102">
        <v>0.19600000000000001</v>
      </c>
      <c r="E45" s="103">
        <v>0.36399999999999999</v>
      </c>
      <c r="F45" s="94">
        <v>6.1432838034799056E-2</v>
      </c>
      <c r="G45" s="103">
        <v>0.249</v>
      </c>
      <c r="H45" s="94">
        <v>5.544075516441007E-2</v>
      </c>
      <c r="I45" s="103">
        <v>0.36499999999999999</v>
      </c>
      <c r="J45" s="94">
        <v>6.1467535798810292E-2</v>
      </c>
      <c r="K45" s="93">
        <v>2.1999999999999999E-2</v>
      </c>
      <c r="L45" s="94">
        <v>2.1672343636198486E-2</v>
      </c>
      <c r="M45" s="100">
        <v>242</v>
      </c>
      <c r="N45" s="101">
        <v>4.5</v>
      </c>
      <c r="O45" s="102">
        <v>0.1764</v>
      </c>
      <c r="P45" s="103">
        <v>0.16</v>
      </c>
      <c r="Q45" s="94">
        <v>4.739194569415188E-2</v>
      </c>
      <c r="R45" s="103">
        <v>0.30399999999999999</v>
      </c>
      <c r="S45" s="94">
        <v>5.8826345502125441E-2</v>
      </c>
      <c r="T45" s="103">
        <v>0.53700000000000003</v>
      </c>
      <c r="U45" s="94">
        <v>6.3588509261525275E-2</v>
      </c>
      <c r="V45" s="93">
        <v>0</v>
      </c>
      <c r="W45" s="94">
        <v>1.1450837352741765E-2</v>
      </c>
      <c r="X45" s="100">
        <v>242</v>
      </c>
      <c r="Y45" s="101">
        <v>4</v>
      </c>
      <c r="Z45" s="102">
        <v>0.19600000000000001</v>
      </c>
      <c r="AA45" s="103">
        <v>0.18099999999999999</v>
      </c>
      <c r="AB45" s="94">
        <v>4.963630259618778E-2</v>
      </c>
      <c r="AC45" s="103">
        <v>0.33500000000000002</v>
      </c>
      <c r="AD45" s="94">
        <v>6.030453444063915E-2</v>
      </c>
      <c r="AE45" s="103">
        <v>0.46899999999999997</v>
      </c>
      <c r="AF45" s="94">
        <v>6.3638971282298298E-2</v>
      </c>
      <c r="AG45" s="93">
        <v>1.4999999999999999E-2</v>
      </c>
      <c r="AH45" s="94">
        <v>1.9068725375905562E-2</v>
      </c>
      <c r="AI45" s="100">
        <v>240</v>
      </c>
      <c r="AJ45" s="101">
        <v>4.4000000000000004</v>
      </c>
      <c r="AK45" s="102">
        <v>0.19600000000000001</v>
      </c>
      <c r="AL45" s="103">
        <v>0.35499999999999998</v>
      </c>
      <c r="AM45" s="94">
        <v>6.1358753420380892E-2</v>
      </c>
      <c r="AN45" s="103">
        <v>0.22600000000000001</v>
      </c>
      <c r="AO45" s="94">
        <v>5.3922429394489629E-2</v>
      </c>
      <c r="AP45" s="103">
        <v>0.38300000000000001</v>
      </c>
      <c r="AQ45" s="94">
        <v>6.2299664607464909E-2</v>
      </c>
      <c r="AR45" s="93">
        <v>3.5999999999999997E-2</v>
      </c>
      <c r="AS45" s="94">
        <v>2.6147446206606834E-2</v>
      </c>
    </row>
    <row r="46" spans="1:45">
      <c r="A46" s="49" t="s">
        <v>441</v>
      </c>
      <c r="B46" s="104">
        <v>76</v>
      </c>
      <c r="C46" s="105">
        <v>3.3</v>
      </c>
      <c r="D46" s="106">
        <v>0.3528</v>
      </c>
      <c r="E46" s="107">
        <v>0.46899999999999997</v>
      </c>
      <c r="F46" s="97">
        <v>0.11160929564780883</v>
      </c>
      <c r="G46" s="107">
        <v>0.28299999999999997</v>
      </c>
      <c r="H46" s="97">
        <v>0.10185827838226995</v>
      </c>
      <c r="I46" s="107">
        <v>0.22500000000000001</v>
      </c>
      <c r="J46" s="97">
        <v>9.5327970056012415E-2</v>
      </c>
      <c r="K46" s="96">
        <v>2.3E-2</v>
      </c>
      <c r="L46" s="97">
        <v>4.7252025088878463E-2</v>
      </c>
      <c r="M46" s="104">
        <v>76</v>
      </c>
      <c r="N46" s="105">
        <v>4.4000000000000004</v>
      </c>
      <c r="O46" s="106">
        <v>0.31359999999999999</v>
      </c>
      <c r="P46" s="107">
        <v>0.13400000000000001</v>
      </c>
      <c r="Q46" s="97">
        <v>8.0344480208661515E-2</v>
      </c>
      <c r="R46" s="107">
        <v>0.36799999999999999</v>
      </c>
      <c r="S46" s="97">
        <v>0.10823004204009162</v>
      </c>
      <c r="T46" s="107">
        <v>0.498</v>
      </c>
      <c r="U46" s="97">
        <v>0.11180259165153553</v>
      </c>
      <c r="V46" s="96">
        <v>0</v>
      </c>
      <c r="W46" s="97">
        <v>3.4910600109422353E-2</v>
      </c>
      <c r="X46" s="104">
        <v>76</v>
      </c>
      <c r="Y46" s="105">
        <v>3.5</v>
      </c>
      <c r="Z46" s="106">
        <v>0.3332</v>
      </c>
      <c r="AA46" s="107">
        <v>0.23400000000000001</v>
      </c>
      <c r="AB46" s="97">
        <v>9.6473496360399411E-2</v>
      </c>
      <c r="AC46" s="107">
        <v>0.39800000000000002</v>
      </c>
      <c r="AD46" s="97">
        <v>0.10968372486381013</v>
      </c>
      <c r="AE46" s="107">
        <v>0.36799999999999999</v>
      </c>
      <c r="AF46" s="97">
        <v>0.10823004204009162</v>
      </c>
      <c r="AG46" s="96">
        <v>0</v>
      </c>
      <c r="AH46" s="97">
        <v>3.4910600109422353E-2</v>
      </c>
      <c r="AI46" s="104">
        <v>76</v>
      </c>
      <c r="AJ46" s="105">
        <v>4</v>
      </c>
      <c r="AK46" s="106">
        <v>0.3528</v>
      </c>
      <c r="AL46" s="107">
        <v>0.55100000000000005</v>
      </c>
      <c r="AM46" s="97">
        <v>0.11127726575990263</v>
      </c>
      <c r="AN46" s="107">
        <v>0.156</v>
      </c>
      <c r="AO46" s="97">
        <v>8.4617303195032162E-2</v>
      </c>
      <c r="AP46" s="107">
        <v>0.29299999999999998</v>
      </c>
      <c r="AQ46" s="97">
        <v>0.10279318496379027</v>
      </c>
      <c r="AR46" s="96">
        <v>0</v>
      </c>
      <c r="AS46" s="97">
        <v>3.4910600109422353E-2</v>
      </c>
    </row>
    <row r="47" spans="1:45" ht="25.5">
      <c r="A47" s="45" t="s">
        <v>442</v>
      </c>
      <c r="B47" s="100">
        <v>100</v>
      </c>
      <c r="C47" s="101">
        <v>3.9</v>
      </c>
      <c r="D47" s="102">
        <v>0.27440000000000003</v>
      </c>
      <c r="E47" s="103">
        <v>0.378</v>
      </c>
      <c r="F47" s="94">
        <v>9.5321098101555146E-2</v>
      </c>
      <c r="G47" s="103">
        <v>0.26500000000000001</v>
      </c>
      <c r="H47" s="94">
        <v>8.7473376858793819E-2</v>
      </c>
      <c r="I47" s="103">
        <v>0.316</v>
      </c>
      <c r="J47" s="94">
        <v>9.1714067550284328E-2</v>
      </c>
      <c r="K47" s="93">
        <v>4.2000000000000003E-2</v>
      </c>
      <c r="L47" s="94">
        <v>4.6434979575475037E-2</v>
      </c>
      <c r="M47" s="100">
        <v>100</v>
      </c>
      <c r="N47" s="101">
        <v>4.4000000000000004</v>
      </c>
      <c r="O47" s="102">
        <v>0.25480000000000003</v>
      </c>
      <c r="P47" s="103">
        <v>0.188</v>
      </c>
      <c r="Q47" s="94">
        <v>7.8446454055273618E-2</v>
      </c>
      <c r="R47" s="103">
        <v>0.308</v>
      </c>
      <c r="S47" s="94">
        <v>9.1129063117881506E-2</v>
      </c>
      <c r="T47" s="103">
        <v>0.504</v>
      </c>
      <c r="U47" s="94">
        <v>9.8055166399915239E-2</v>
      </c>
      <c r="V47" s="93">
        <v>0</v>
      </c>
      <c r="W47" s="94">
        <v>2.693364120714959E-2</v>
      </c>
      <c r="X47" s="100">
        <v>100</v>
      </c>
      <c r="Y47" s="101">
        <v>3.8</v>
      </c>
      <c r="Z47" s="102">
        <v>0.27440000000000003</v>
      </c>
      <c r="AA47" s="103">
        <v>0.13500000000000001</v>
      </c>
      <c r="AB47" s="94">
        <v>6.9842129263269964E-2</v>
      </c>
      <c r="AC47" s="103">
        <v>0.316</v>
      </c>
      <c r="AD47" s="94">
        <v>9.1714067550284328E-2</v>
      </c>
      <c r="AE47" s="103">
        <v>0.52700000000000002</v>
      </c>
      <c r="AF47" s="94">
        <v>9.7925795792353762E-2</v>
      </c>
      <c r="AG47" s="93">
        <v>2.1000000000000001E-2</v>
      </c>
      <c r="AH47" s="94">
        <v>3.8164067841257171E-2</v>
      </c>
      <c r="AI47" s="100">
        <v>98</v>
      </c>
      <c r="AJ47" s="101">
        <v>4.5999999999999996</v>
      </c>
      <c r="AK47" s="102">
        <v>0.27440000000000003</v>
      </c>
      <c r="AL47" s="103">
        <v>0.314</v>
      </c>
      <c r="AM47" s="94">
        <v>9.2474523807531323E-2</v>
      </c>
      <c r="AN47" s="103">
        <v>0.24099999999999999</v>
      </c>
      <c r="AO47" s="94">
        <v>8.5881152042360617E-2</v>
      </c>
      <c r="AP47" s="103">
        <v>0.38500000000000001</v>
      </c>
      <c r="AQ47" s="94">
        <v>9.6566936364601993E-2</v>
      </c>
      <c r="AR47" s="93">
        <v>5.8999999999999997E-2</v>
      </c>
      <c r="AS47" s="94">
        <v>5.2570522292427813E-2</v>
      </c>
    </row>
    <row r="48" spans="1:45">
      <c r="A48" s="49" t="s">
        <v>462</v>
      </c>
      <c r="B48" s="104">
        <v>66</v>
      </c>
      <c r="C48" s="105">
        <v>4.5</v>
      </c>
      <c r="D48" s="106">
        <v>0.37240000000000001</v>
      </c>
      <c r="E48" s="107">
        <v>0.24</v>
      </c>
      <c r="F48" s="97">
        <v>0.10417155619233845</v>
      </c>
      <c r="G48" s="107">
        <v>0.19600000000000001</v>
      </c>
      <c r="H48" s="97">
        <v>9.7934106722199793E-2</v>
      </c>
      <c r="I48" s="107">
        <v>0.56299999999999994</v>
      </c>
      <c r="J48" s="97">
        <v>0.11867642442492829</v>
      </c>
      <c r="K48" s="96">
        <v>0</v>
      </c>
      <c r="L48" s="97">
        <v>3.9824688710695409E-2</v>
      </c>
      <c r="M48" s="104">
        <v>66</v>
      </c>
      <c r="N48" s="105">
        <v>4.8</v>
      </c>
      <c r="O48" s="106">
        <v>0.3528</v>
      </c>
      <c r="P48" s="107">
        <v>0.154</v>
      </c>
      <c r="Q48" s="97">
        <v>9.0577486696253123E-2</v>
      </c>
      <c r="R48" s="107">
        <v>0.23400000000000001</v>
      </c>
      <c r="S48" s="97">
        <v>0.10339918761769842</v>
      </c>
      <c r="T48" s="107">
        <v>0.61199999999999999</v>
      </c>
      <c r="U48" s="97">
        <v>0.11682676796986946</v>
      </c>
      <c r="V48" s="96">
        <v>0</v>
      </c>
      <c r="W48" s="97">
        <v>3.9824688710695409E-2</v>
      </c>
      <c r="X48" s="104">
        <v>66</v>
      </c>
      <c r="Y48" s="105">
        <v>4.5</v>
      </c>
      <c r="Z48" s="106">
        <v>0.37240000000000001</v>
      </c>
      <c r="AA48" s="107">
        <v>0.17699999999999999</v>
      </c>
      <c r="AB48" s="97">
        <v>9.479410715960454E-2</v>
      </c>
      <c r="AC48" s="107">
        <v>0.28999999999999998</v>
      </c>
      <c r="AD48" s="97">
        <v>0.10975192806637027</v>
      </c>
      <c r="AE48" s="107">
        <v>0.50900000000000001</v>
      </c>
      <c r="AF48" s="97">
        <v>0.1195056466455662</v>
      </c>
      <c r="AG48" s="96">
        <v>2.4E-2</v>
      </c>
      <c r="AH48" s="97">
        <v>5.2686978602741248E-2</v>
      </c>
      <c r="AI48" s="104">
        <v>66</v>
      </c>
      <c r="AJ48" s="105">
        <v>4.7</v>
      </c>
      <c r="AK48" s="106">
        <v>0.3332</v>
      </c>
      <c r="AL48" s="107">
        <v>0.2</v>
      </c>
      <c r="AM48" s="97">
        <v>9.8558709620116827E-2</v>
      </c>
      <c r="AN48" s="107">
        <v>0.28000000000000003</v>
      </c>
      <c r="AO48" s="97">
        <v>0.10875224470723799</v>
      </c>
      <c r="AP48" s="107">
        <v>0.47299999999999998</v>
      </c>
      <c r="AQ48" s="97">
        <v>0.11936784297230163</v>
      </c>
      <c r="AR48" s="96">
        <v>4.7E-2</v>
      </c>
      <c r="AS48" s="97">
        <v>6.2139652368688528E-2</v>
      </c>
    </row>
    <row r="49" spans="1:45">
      <c r="A49" s="45" t="s">
        <v>450</v>
      </c>
      <c r="B49" s="83">
        <v>232</v>
      </c>
      <c r="C49" s="84">
        <v>4.8</v>
      </c>
      <c r="D49" s="85">
        <v>0.19600000000000001</v>
      </c>
      <c r="E49" s="98">
        <v>0.151</v>
      </c>
      <c r="F49" s="94">
        <v>4.7352421452041771E-2</v>
      </c>
      <c r="G49" s="98">
        <v>0.186</v>
      </c>
      <c r="H49" s="94">
        <v>5.1208764021392468E-2</v>
      </c>
      <c r="I49" s="98">
        <v>0.57599999999999996</v>
      </c>
      <c r="J49" s="94">
        <v>6.4363656620069001E-2</v>
      </c>
      <c r="K49" s="98">
        <v>8.6999999999999994E-2</v>
      </c>
      <c r="L49" s="94">
        <v>3.7992862844469143E-2</v>
      </c>
      <c r="M49" s="83">
        <v>230</v>
      </c>
      <c r="N49" s="84">
        <v>4.5999999999999996</v>
      </c>
      <c r="O49" s="85">
        <v>0.1764</v>
      </c>
      <c r="P49" s="98">
        <v>0.13800000000000001</v>
      </c>
      <c r="Q49" s="94">
        <v>4.5927822412333896E-2</v>
      </c>
      <c r="R49" s="98">
        <v>0.23</v>
      </c>
      <c r="S49" s="94">
        <v>5.5403879329319297E-2</v>
      </c>
      <c r="T49" s="98">
        <v>0.55900000000000005</v>
      </c>
      <c r="U49" s="94">
        <v>6.4930862820893137E-2</v>
      </c>
      <c r="V49" s="98">
        <v>7.2999999999999995E-2</v>
      </c>
      <c r="W49" s="94">
        <v>3.5530459441046214E-2</v>
      </c>
      <c r="X49" s="83">
        <v>231</v>
      </c>
      <c r="Y49" s="84">
        <v>4.5999999999999996</v>
      </c>
      <c r="Z49" s="85">
        <v>0.1764</v>
      </c>
      <c r="AA49" s="98">
        <v>0.219</v>
      </c>
      <c r="AB49" s="94">
        <v>5.4375237974664911E-2</v>
      </c>
      <c r="AC49" s="98">
        <v>0.14499999999999999</v>
      </c>
      <c r="AD49" s="94">
        <v>4.6718477881953317E-2</v>
      </c>
      <c r="AE49" s="98">
        <v>0.57999999999999996</v>
      </c>
      <c r="AF49" s="94">
        <v>6.4420958411723073E-2</v>
      </c>
      <c r="AG49" s="98">
        <v>5.6000000000000001E-2</v>
      </c>
      <c r="AH49" s="94">
        <v>3.1828770008171685E-2</v>
      </c>
      <c r="AI49" s="83">
        <v>230</v>
      </c>
      <c r="AJ49" s="84">
        <v>4.7</v>
      </c>
      <c r="AK49" s="85">
        <v>0.19600000000000001</v>
      </c>
      <c r="AL49" s="98">
        <v>0.151</v>
      </c>
      <c r="AM49" s="94">
        <v>4.7560585894137121E-2</v>
      </c>
      <c r="AN49" s="98">
        <v>0.224</v>
      </c>
      <c r="AO49" s="94">
        <v>5.4913459289583653E-2</v>
      </c>
      <c r="AP49" s="98">
        <v>0.52300000000000002</v>
      </c>
      <c r="AQ49" s="94">
        <v>6.5305191596534945E-2</v>
      </c>
      <c r="AR49" s="98">
        <v>0.10199999999999999</v>
      </c>
      <c r="AS49" s="94">
        <v>4.071271769636664E-2</v>
      </c>
    </row>
    <row r="50" spans="1:45">
      <c r="A50" s="49" t="s">
        <v>443</v>
      </c>
      <c r="B50" s="104">
        <v>110</v>
      </c>
      <c r="C50" s="105">
        <v>4.4000000000000004</v>
      </c>
      <c r="D50" s="106">
        <v>0.27440000000000003</v>
      </c>
      <c r="E50" s="107">
        <v>0.20300000000000001</v>
      </c>
      <c r="F50" s="97">
        <v>7.6748051446824908E-2</v>
      </c>
      <c r="G50" s="107">
        <v>0.14699999999999999</v>
      </c>
      <c r="H50" s="97">
        <v>6.8564754666668337E-2</v>
      </c>
      <c r="I50" s="107">
        <v>0.51</v>
      </c>
      <c r="J50" s="97">
        <v>9.364113926273529E-2</v>
      </c>
      <c r="K50" s="96">
        <v>0.14000000000000001</v>
      </c>
      <c r="L50" s="97">
        <v>6.7365246924300584E-2</v>
      </c>
      <c r="M50" s="104">
        <v>109</v>
      </c>
      <c r="N50" s="105">
        <v>4.5</v>
      </c>
      <c r="O50" s="106">
        <v>0.25480000000000003</v>
      </c>
      <c r="P50" s="107">
        <v>0.20699999999999999</v>
      </c>
      <c r="Q50" s="97">
        <v>7.7601485601677053E-2</v>
      </c>
      <c r="R50" s="107">
        <v>0.122</v>
      </c>
      <c r="S50" s="97">
        <v>6.4369685276079391E-2</v>
      </c>
      <c r="T50" s="107">
        <v>0.54700000000000004</v>
      </c>
      <c r="U50" s="97">
        <v>9.3684581220572771E-2</v>
      </c>
      <c r="V50" s="96">
        <v>0.125</v>
      </c>
      <c r="W50" s="97">
        <v>6.4945053483594209E-2</v>
      </c>
      <c r="X50" s="104">
        <v>109</v>
      </c>
      <c r="Y50" s="105">
        <v>4.5999999999999996</v>
      </c>
      <c r="Z50" s="106">
        <v>0.27440000000000003</v>
      </c>
      <c r="AA50" s="107">
        <v>0.23400000000000001</v>
      </c>
      <c r="AB50" s="97">
        <v>8.0740952448236536E-2</v>
      </c>
      <c r="AC50" s="107">
        <v>0.13</v>
      </c>
      <c r="AD50" s="97">
        <v>6.5882839144647001E-2</v>
      </c>
      <c r="AE50" s="107">
        <v>0.51100000000000001</v>
      </c>
      <c r="AF50" s="97">
        <v>9.4050902195026986E-2</v>
      </c>
      <c r="AG50" s="96">
        <v>0.125</v>
      </c>
      <c r="AH50" s="97">
        <v>6.4945053483594209E-2</v>
      </c>
      <c r="AI50" s="104">
        <v>109</v>
      </c>
      <c r="AJ50" s="105">
        <v>4.5999999999999996</v>
      </c>
      <c r="AK50" s="106">
        <v>0.27440000000000003</v>
      </c>
      <c r="AL50" s="107">
        <v>0.17499999999999999</v>
      </c>
      <c r="AM50" s="97">
        <v>7.3284637059276583E-2</v>
      </c>
      <c r="AN50" s="107">
        <v>0.17299999999999999</v>
      </c>
      <c r="AO50" s="97">
        <v>7.2991018708883193E-2</v>
      </c>
      <c r="AP50" s="107">
        <v>0.46800000000000003</v>
      </c>
      <c r="AQ50" s="97">
        <v>9.3892654291110114E-2</v>
      </c>
      <c r="AR50" s="96">
        <v>0.184</v>
      </c>
      <c r="AS50" s="97">
        <v>7.4569757872791256E-2</v>
      </c>
    </row>
    <row r="51" spans="1:45">
      <c r="A51" s="57" t="s">
        <v>444</v>
      </c>
      <c r="B51" s="100">
        <v>122</v>
      </c>
      <c r="C51" s="101">
        <v>4.9000000000000004</v>
      </c>
      <c r="D51" s="102">
        <v>0.27440000000000003</v>
      </c>
      <c r="E51" s="103">
        <v>0.124</v>
      </c>
      <c r="F51" s="94">
        <v>6.1064050096400702E-2</v>
      </c>
      <c r="G51" s="103">
        <v>0.20499999999999999</v>
      </c>
      <c r="H51" s="94">
        <v>7.311931803758831E-2</v>
      </c>
      <c r="I51" s="103">
        <v>0.61</v>
      </c>
      <c r="J51" s="94">
        <v>8.7042419773499372E-2</v>
      </c>
      <c r="K51" s="93">
        <v>6.0999999999999999E-2</v>
      </c>
      <c r="L51" s="94">
        <v>4.6911273128121961E-2</v>
      </c>
      <c r="M51" s="100">
        <v>121</v>
      </c>
      <c r="N51" s="101">
        <v>4.7</v>
      </c>
      <c r="O51" s="102">
        <v>0.21559999999999999</v>
      </c>
      <c r="P51" s="103">
        <v>0.10299999999999999</v>
      </c>
      <c r="Q51" s="94">
        <v>5.722002010038095E-2</v>
      </c>
      <c r="R51" s="103">
        <v>0.28399999999999997</v>
      </c>
      <c r="S51" s="94">
        <v>8.1246727098339161E-2</v>
      </c>
      <c r="T51" s="103">
        <v>0.56499999999999995</v>
      </c>
      <c r="U51" s="94">
        <v>8.8731698705704937E-2</v>
      </c>
      <c r="V51" s="93">
        <v>4.7E-2</v>
      </c>
      <c r="W51" s="94">
        <v>4.2975059551884277E-2</v>
      </c>
      <c r="X51" s="100">
        <v>122</v>
      </c>
      <c r="Y51" s="101">
        <v>4.5999999999999996</v>
      </c>
      <c r="Z51" s="102">
        <v>0.21559999999999999</v>
      </c>
      <c r="AA51" s="103">
        <v>0.21099999999999999</v>
      </c>
      <c r="AB51" s="94">
        <v>7.3829006062918021E-2</v>
      </c>
      <c r="AC51" s="103">
        <v>0.153</v>
      </c>
      <c r="AD51" s="94">
        <v>6.5976105923645306E-2</v>
      </c>
      <c r="AE51" s="103">
        <v>0.61499999999999999</v>
      </c>
      <c r="AF51" s="94">
        <v>8.6849871242130589E-2</v>
      </c>
      <c r="AG51" s="93">
        <v>2.1000000000000001E-2</v>
      </c>
      <c r="AH51" s="94">
        <v>3.3283510137831707E-2</v>
      </c>
      <c r="AI51" s="100">
        <v>121</v>
      </c>
      <c r="AJ51" s="101">
        <v>4.8</v>
      </c>
      <c r="AK51" s="102">
        <v>0.29399999999999998</v>
      </c>
      <c r="AL51" s="103">
        <v>0.13800000000000001</v>
      </c>
      <c r="AM51" s="94">
        <v>6.3801849990482259E-2</v>
      </c>
      <c r="AN51" s="103">
        <v>0.25</v>
      </c>
      <c r="AO51" s="94">
        <v>7.8268461081076587E-2</v>
      </c>
      <c r="AP51" s="103">
        <v>0.55100000000000005</v>
      </c>
      <c r="AQ51" s="94">
        <v>8.9005671832934341E-2</v>
      </c>
      <c r="AR51" s="93">
        <v>0.06</v>
      </c>
      <c r="AS51" s="94">
        <v>4.6850281911638481E-2</v>
      </c>
    </row>
    <row r="52" spans="1:45">
      <c r="A52" s="49" t="s">
        <v>451</v>
      </c>
      <c r="B52" s="104">
        <v>71</v>
      </c>
      <c r="C52" s="105">
        <v>4.5</v>
      </c>
      <c r="D52" s="106">
        <v>0.39200000000000002</v>
      </c>
      <c r="E52" s="107">
        <v>0.29899999999999999</v>
      </c>
      <c r="F52" s="97">
        <v>0.10678165175721904</v>
      </c>
      <c r="G52" s="107">
        <v>0.161</v>
      </c>
      <c r="H52" s="97">
        <v>8.8546892616285525E-2</v>
      </c>
      <c r="I52" s="107">
        <v>0.52300000000000002</v>
      </c>
      <c r="J52" s="97">
        <v>0.1153605182502357</v>
      </c>
      <c r="K52" s="96">
        <v>1.7000000000000001E-2</v>
      </c>
      <c r="L52" s="97">
        <v>4.6722775260037798E-2</v>
      </c>
      <c r="M52" s="104">
        <v>71</v>
      </c>
      <c r="N52" s="105">
        <v>4.5999999999999996</v>
      </c>
      <c r="O52" s="106">
        <v>0.3528</v>
      </c>
      <c r="P52" s="107">
        <v>0.251</v>
      </c>
      <c r="Q52" s="97">
        <v>0.10183282551319098</v>
      </c>
      <c r="R52" s="107">
        <v>0.18099999999999999</v>
      </c>
      <c r="S52" s="97">
        <v>9.2030155392836474E-2</v>
      </c>
      <c r="T52" s="107">
        <v>0.55100000000000005</v>
      </c>
      <c r="U52" s="97">
        <v>0.11493048138766321</v>
      </c>
      <c r="V52" s="96">
        <v>1.7000000000000001E-2</v>
      </c>
      <c r="W52" s="97">
        <v>4.6722775260037798E-2</v>
      </c>
      <c r="X52" s="104">
        <v>71</v>
      </c>
      <c r="Y52" s="105">
        <v>4.4000000000000004</v>
      </c>
      <c r="Z52" s="106">
        <v>0.37240000000000001</v>
      </c>
      <c r="AA52" s="107">
        <v>0.19900000000000001</v>
      </c>
      <c r="AB52" s="97">
        <v>9.4883900188403744E-2</v>
      </c>
      <c r="AC52" s="107">
        <v>0.14899999999999999</v>
      </c>
      <c r="AD52" s="97">
        <v>8.6283254953283567E-2</v>
      </c>
      <c r="AE52" s="107">
        <v>0.63600000000000001</v>
      </c>
      <c r="AF52" s="97">
        <v>0.11157641227959064</v>
      </c>
      <c r="AG52" s="96">
        <v>1.7000000000000001E-2</v>
      </c>
      <c r="AH52" s="97">
        <v>4.6722775260037798E-2</v>
      </c>
      <c r="AI52" s="104">
        <v>71</v>
      </c>
      <c r="AJ52" s="105">
        <v>4.8</v>
      </c>
      <c r="AK52" s="106">
        <v>0.3528</v>
      </c>
      <c r="AL52" s="107">
        <v>0.20200000000000001</v>
      </c>
      <c r="AM52" s="97">
        <v>9.5335429894584239E-2</v>
      </c>
      <c r="AN52" s="107">
        <v>0.27600000000000002</v>
      </c>
      <c r="AO52" s="97">
        <v>0.1045710944948548</v>
      </c>
      <c r="AP52" s="107">
        <v>0.42299999999999999</v>
      </c>
      <c r="AQ52" s="97">
        <v>0.11423637761660234</v>
      </c>
      <c r="AR52" s="96">
        <v>0.1</v>
      </c>
      <c r="AS52" s="97">
        <v>7.5405236088945643E-2</v>
      </c>
    </row>
    <row r="53" spans="1:45">
      <c r="A53" s="57" t="s">
        <v>452</v>
      </c>
      <c r="B53" s="100">
        <v>280</v>
      </c>
      <c r="C53" s="101">
        <v>4.2</v>
      </c>
      <c r="D53" s="102">
        <v>0.19600000000000001</v>
      </c>
      <c r="E53" s="103">
        <v>0.23200000000000001</v>
      </c>
      <c r="F53" s="94">
        <v>5.037674448116089E-2</v>
      </c>
      <c r="G53" s="103">
        <v>0.33100000000000002</v>
      </c>
      <c r="H53" s="94">
        <v>5.5947393483615195E-2</v>
      </c>
      <c r="I53" s="103">
        <v>0.39</v>
      </c>
      <c r="J53" s="94">
        <v>5.7926427931122335E-2</v>
      </c>
      <c r="K53" s="93">
        <v>4.7E-2</v>
      </c>
      <c r="L53" s="94">
        <v>2.6677739630377725E-2</v>
      </c>
      <c r="M53" s="100">
        <v>279</v>
      </c>
      <c r="N53" s="101">
        <v>4.5999999999999996</v>
      </c>
      <c r="O53" s="102">
        <v>0.1764</v>
      </c>
      <c r="P53" s="103">
        <v>0.17499999999999999</v>
      </c>
      <c r="Q53" s="94">
        <v>4.5634864267867399E-2</v>
      </c>
      <c r="R53" s="103">
        <v>0.24099999999999999</v>
      </c>
      <c r="S53" s="94">
        <v>5.1108127792194688E-2</v>
      </c>
      <c r="T53" s="103">
        <v>0.58399999999999996</v>
      </c>
      <c r="U53" s="94">
        <v>5.8622835100969856E-2</v>
      </c>
      <c r="V53" s="93">
        <v>0</v>
      </c>
      <c r="W53" s="94">
        <v>9.9590634696518805E-3</v>
      </c>
      <c r="X53" s="100">
        <v>279</v>
      </c>
      <c r="Y53" s="101">
        <v>4</v>
      </c>
      <c r="Z53" s="102">
        <v>0.1764</v>
      </c>
      <c r="AA53" s="103">
        <v>0.152</v>
      </c>
      <c r="AB53" s="94">
        <v>4.3242310249157638E-2</v>
      </c>
      <c r="AC53" s="103">
        <v>0.309</v>
      </c>
      <c r="AD53" s="94">
        <v>5.5067318509747644E-2</v>
      </c>
      <c r="AE53" s="103">
        <v>0.52500000000000002</v>
      </c>
      <c r="AF53" s="94">
        <v>5.9371566761330603E-2</v>
      </c>
      <c r="AG53" s="93">
        <v>1.2999999999999999E-2</v>
      </c>
      <c r="AH53" s="94">
        <v>1.6596667441774442E-2</v>
      </c>
      <c r="AI53" s="100">
        <v>282</v>
      </c>
      <c r="AJ53" s="101">
        <v>4.7</v>
      </c>
      <c r="AK53" s="102">
        <v>0.15679999999999999</v>
      </c>
      <c r="AL53" s="103">
        <v>0.307</v>
      </c>
      <c r="AM53" s="94">
        <v>5.4680974797771051E-2</v>
      </c>
      <c r="AN53" s="103">
        <v>0.29299999999999998</v>
      </c>
      <c r="AO53" s="94">
        <v>5.3980207690382039E-2</v>
      </c>
      <c r="AP53" s="103">
        <v>0.38800000000000001</v>
      </c>
      <c r="AQ53" s="94">
        <v>5.767092896441902E-2</v>
      </c>
      <c r="AR53" s="93">
        <v>1.2E-2</v>
      </c>
      <c r="AS53" s="94">
        <v>1.607273137826027E-2</v>
      </c>
    </row>
    <row r="54" spans="1:45">
      <c r="A54" s="49" t="s">
        <v>445</v>
      </c>
      <c r="B54" s="104">
        <v>94</v>
      </c>
      <c r="C54" s="105">
        <v>4.4000000000000004</v>
      </c>
      <c r="D54" s="106">
        <v>0.31359999999999999</v>
      </c>
      <c r="E54" s="107">
        <v>0.17799999999999999</v>
      </c>
      <c r="F54" s="97">
        <v>7.9438659509962109E-2</v>
      </c>
      <c r="G54" s="107">
        <v>0.376</v>
      </c>
      <c r="H54" s="97">
        <v>9.8115626848337342E-2</v>
      </c>
      <c r="I54" s="107">
        <v>0.43</v>
      </c>
      <c r="J54" s="97">
        <v>0.10010032451876975</v>
      </c>
      <c r="K54" s="96">
        <v>1.6E-2</v>
      </c>
      <c r="L54" s="97">
        <v>3.7512813984223917E-2</v>
      </c>
      <c r="M54" s="104">
        <v>92</v>
      </c>
      <c r="N54" s="105">
        <v>4.5999999999999996</v>
      </c>
      <c r="O54" s="106">
        <v>0.29399999999999998</v>
      </c>
      <c r="P54" s="107">
        <v>0.157</v>
      </c>
      <c r="Q54" s="97">
        <v>7.6906553577816714E-2</v>
      </c>
      <c r="R54" s="107">
        <v>0.21</v>
      </c>
      <c r="S54" s="97">
        <v>8.4843563493076507E-2</v>
      </c>
      <c r="T54" s="107">
        <v>0.63300000000000001</v>
      </c>
      <c r="U54" s="97">
        <v>9.8690250545137623E-2</v>
      </c>
      <c r="V54" s="96">
        <v>0</v>
      </c>
      <c r="W54" s="97">
        <v>2.9154263235671291E-2</v>
      </c>
      <c r="X54" s="104">
        <v>93</v>
      </c>
      <c r="Y54" s="105">
        <v>3.9</v>
      </c>
      <c r="Z54" s="106">
        <v>0.31359999999999999</v>
      </c>
      <c r="AA54" s="107">
        <v>0.128</v>
      </c>
      <c r="AB54" s="97">
        <v>7.1159409105016461E-2</v>
      </c>
      <c r="AC54" s="107">
        <v>0.33</v>
      </c>
      <c r="AD54" s="97">
        <v>9.5988478844413264E-2</v>
      </c>
      <c r="AE54" s="107">
        <v>0.54100000000000004</v>
      </c>
      <c r="AF54" s="97">
        <v>0.10122034362890228</v>
      </c>
      <c r="AG54" s="96">
        <v>0</v>
      </c>
      <c r="AH54" s="97">
        <v>2.885686812463846E-2</v>
      </c>
      <c r="AI54" s="104">
        <v>94</v>
      </c>
      <c r="AJ54" s="105">
        <v>4.7</v>
      </c>
      <c r="AK54" s="106">
        <v>0.27440000000000003</v>
      </c>
      <c r="AL54" s="107">
        <v>0.28899999999999998</v>
      </c>
      <c r="AM54" s="97">
        <v>9.2369974047307485E-2</v>
      </c>
      <c r="AN54" s="107">
        <v>0.32300000000000001</v>
      </c>
      <c r="AO54" s="97">
        <v>9.5013699578264652E-2</v>
      </c>
      <c r="AP54" s="107">
        <v>0.371</v>
      </c>
      <c r="AQ54" s="97">
        <v>9.7873246960822932E-2</v>
      </c>
      <c r="AR54" s="96">
        <v>1.7000000000000001E-2</v>
      </c>
      <c r="AS54" s="97">
        <v>3.7993741127295956E-2</v>
      </c>
    </row>
    <row r="55" spans="1:45">
      <c r="A55" s="57" t="s">
        <v>446</v>
      </c>
      <c r="B55" s="100">
        <v>107</v>
      </c>
      <c r="C55" s="101">
        <v>3.9</v>
      </c>
      <c r="D55" s="102">
        <v>0.3332</v>
      </c>
      <c r="E55" s="103">
        <v>0.23599999999999999</v>
      </c>
      <c r="F55" s="94">
        <v>8.1701859274170355E-2</v>
      </c>
      <c r="G55" s="103">
        <v>0.34699999999999998</v>
      </c>
      <c r="H55" s="94">
        <v>9.0692577703966271E-2</v>
      </c>
      <c r="I55" s="103">
        <v>0.30499999999999999</v>
      </c>
      <c r="J55" s="94">
        <v>8.7952927916416415E-2</v>
      </c>
      <c r="K55" s="93">
        <v>0.112</v>
      </c>
      <c r="L55" s="94">
        <v>6.2991640285591205E-2</v>
      </c>
      <c r="M55" s="100">
        <v>108</v>
      </c>
      <c r="N55" s="101">
        <v>4.8</v>
      </c>
      <c r="O55" s="102">
        <v>0.29399999999999998</v>
      </c>
      <c r="P55" s="103">
        <v>0.14699999999999999</v>
      </c>
      <c r="Q55" s="94">
        <v>6.9213103323339215E-2</v>
      </c>
      <c r="R55" s="103">
        <v>0.249</v>
      </c>
      <c r="S55" s="94">
        <v>8.2682420184143665E-2</v>
      </c>
      <c r="T55" s="103">
        <v>0.60399999999999998</v>
      </c>
      <c r="U55" s="94">
        <v>9.2570971906155042E-2</v>
      </c>
      <c r="V55" s="93">
        <v>0</v>
      </c>
      <c r="W55" s="94">
        <v>2.5027317436669111E-2</v>
      </c>
      <c r="X55" s="100">
        <v>107</v>
      </c>
      <c r="Y55" s="101">
        <v>3.8</v>
      </c>
      <c r="Z55" s="102">
        <v>0.29399999999999998</v>
      </c>
      <c r="AA55" s="103">
        <v>0.223</v>
      </c>
      <c r="AB55" s="94">
        <v>8.0247674727891599E-2</v>
      </c>
      <c r="AC55" s="103">
        <v>0.23200000000000001</v>
      </c>
      <c r="AD55" s="94">
        <v>8.1264607092365049E-2</v>
      </c>
      <c r="AE55" s="103">
        <v>0.52600000000000002</v>
      </c>
      <c r="AF55" s="94">
        <v>9.4796480504459241E-2</v>
      </c>
      <c r="AG55" s="93">
        <v>1.7999999999999999E-2</v>
      </c>
      <c r="AH55" s="94">
        <v>3.5064099388664005E-2</v>
      </c>
      <c r="AI55" s="100">
        <v>108</v>
      </c>
      <c r="AJ55" s="101">
        <v>4.5999999999999996</v>
      </c>
      <c r="AK55" s="102">
        <v>0.25480000000000003</v>
      </c>
      <c r="AL55" s="108">
        <v>0.373</v>
      </c>
      <c r="AM55" s="94">
        <v>9.1613025182107663E-2</v>
      </c>
      <c r="AN55" s="103">
        <v>0.313</v>
      </c>
      <c r="AO55" s="94">
        <v>8.8132242842778832E-2</v>
      </c>
      <c r="AP55" s="103">
        <v>0.314</v>
      </c>
      <c r="AQ55" s="94">
        <v>8.8202489296367384E-2</v>
      </c>
      <c r="AR55" s="93">
        <v>0</v>
      </c>
      <c r="AS55" s="94">
        <v>2.5027317436669111E-2</v>
      </c>
    </row>
    <row r="56" spans="1:45">
      <c r="A56" s="49" t="s">
        <v>447</v>
      </c>
      <c r="B56" s="104">
        <v>79</v>
      </c>
      <c r="C56" s="105">
        <v>4.4000000000000004</v>
      </c>
      <c r="D56" s="106">
        <v>0.3332</v>
      </c>
      <c r="E56" s="107">
        <v>0.28999999999999998</v>
      </c>
      <c r="F56" s="97">
        <v>0.10061214524765105</v>
      </c>
      <c r="G56" s="107">
        <v>0.25700000000000001</v>
      </c>
      <c r="H56" s="97">
        <v>9.7314624769724453E-2</v>
      </c>
      <c r="I56" s="107">
        <v>0.45300000000000001</v>
      </c>
      <c r="J56" s="97">
        <v>0.10932405354101546</v>
      </c>
      <c r="K56" s="96">
        <v>0</v>
      </c>
      <c r="L56" s="97">
        <v>3.3664360151118053E-2</v>
      </c>
      <c r="M56" s="104">
        <v>79</v>
      </c>
      <c r="N56" s="105">
        <v>4.5</v>
      </c>
      <c r="O56" s="106">
        <v>0.27440000000000003</v>
      </c>
      <c r="P56" s="107">
        <v>0.23200000000000001</v>
      </c>
      <c r="Q56" s="97">
        <v>9.440542685009104E-2</v>
      </c>
      <c r="R56" s="107">
        <v>0.26600000000000001</v>
      </c>
      <c r="S56" s="97">
        <v>9.8272920579119682E-2</v>
      </c>
      <c r="T56" s="107">
        <v>0.502</v>
      </c>
      <c r="U56" s="97">
        <v>0.10976346447077147</v>
      </c>
      <c r="V56" s="96">
        <v>0</v>
      </c>
      <c r="W56" s="97">
        <v>3.3664360151118053E-2</v>
      </c>
      <c r="X56" s="104">
        <v>79</v>
      </c>
      <c r="Y56" s="105">
        <v>4.4000000000000004</v>
      </c>
      <c r="Z56" s="106">
        <v>0.3332</v>
      </c>
      <c r="AA56" s="107">
        <v>0.09</v>
      </c>
      <c r="AB56" s="97">
        <v>6.8622238177511785E-2</v>
      </c>
      <c r="AC56" s="107">
        <v>0.38300000000000001</v>
      </c>
      <c r="AD56" s="97">
        <v>0.10700717876900009</v>
      </c>
      <c r="AE56" s="107">
        <v>0.50700000000000001</v>
      </c>
      <c r="AF56" s="97">
        <v>0.10975451448561696</v>
      </c>
      <c r="AG56" s="96">
        <v>2.1000000000000001E-2</v>
      </c>
      <c r="AH56" s="97">
        <v>4.506536540437122E-2</v>
      </c>
      <c r="AI56" s="104">
        <v>80</v>
      </c>
      <c r="AJ56" s="105">
        <v>4.8</v>
      </c>
      <c r="AK56" s="106">
        <v>0.29399999999999998</v>
      </c>
      <c r="AL56" s="107">
        <v>0.24199999999999999</v>
      </c>
      <c r="AM56" s="97">
        <v>9.5024931514468586E-2</v>
      </c>
      <c r="AN56" s="107">
        <v>0.23100000000000001</v>
      </c>
      <c r="AO56" s="97">
        <v>9.3698208528205582E-2</v>
      </c>
      <c r="AP56" s="107">
        <v>0.505</v>
      </c>
      <c r="AQ56" s="97">
        <v>0.10910399675430657</v>
      </c>
      <c r="AR56" s="96">
        <v>2.1999999999999999E-2</v>
      </c>
      <c r="AS56" s="97">
        <v>4.5123257989850597E-2</v>
      </c>
    </row>
    <row r="57" spans="1:45">
      <c r="A57" s="57" t="s">
        <v>453</v>
      </c>
      <c r="B57" s="100">
        <v>68</v>
      </c>
      <c r="C57" s="101">
        <v>4.2</v>
      </c>
      <c r="D57" s="102">
        <v>0.37240000000000001</v>
      </c>
      <c r="E57" s="103">
        <v>0.30399999999999999</v>
      </c>
      <c r="F57" s="94">
        <v>0.10947700837852513</v>
      </c>
      <c r="G57" s="103">
        <v>0.186</v>
      </c>
      <c r="H57" s="94">
        <v>9.4884374802275295E-2</v>
      </c>
      <c r="I57" s="103">
        <v>0.51</v>
      </c>
      <c r="J57" s="94">
        <v>0.11783010426248269</v>
      </c>
      <c r="K57" s="93">
        <v>0</v>
      </c>
      <c r="L57" s="94">
        <v>3.8734260487688681E-2</v>
      </c>
      <c r="M57" s="100">
        <v>68</v>
      </c>
      <c r="N57" s="101">
        <v>4.8</v>
      </c>
      <c r="O57" s="102">
        <v>0.3528</v>
      </c>
      <c r="P57" s="103">
        <v>0.17699999999999999</v>
      </c>
      <c r="Q57" s="94">
        <v>9.3375320325106176E-2</v>
      </c>
      <c r="R57" s="103">
        <v>0.27900000000000003</v>
      </c>
      <c r="S57" s="94">
        <v>0.10709161030284546</v>
      </c>
      <c r="T57" s="103">
        <v>0.52700000000000002</v>
      </c>
      <c r="U57" s="94">
        <v>0.11769776501229277</v>
      </c>
      <c r="V57" s="93">
        <v>1.7000000000000001E-2</v>
      </c>
      <c r="W57" s="94">
        <v>4.8253941820690337E-2</v>
      </c>
      <c r="X57" s="100">
        <v>68</v>
      </c>
      <c r="Y57" s="101">
        <v>4.0999999999999996</v>
      </c>
      <c r="Z57" s="102">
        <v>0.3528</v>
      </c>
      <c r="AA57" s="103">
        <v>0.189</v>
      </c>
      <c r="AB57" s="94">
        <v>9.5372735497462072E-2</v>
      </c>
      <c r="AC57" s="103">
        <v>0.23100000000000001</v>
      </c>
      <c r="AD57" s="94">
        <v>0.10150418017975582</v>
      </c>
      <c r="AE57" s="103">
        <v>0.56200000000000006</v>
      </c>
      <c r="AF57" s="94">
        <v>0.11704017518061913</v>
      </c>
      <c r="AG57" s="93">
        <v>1.7000000000000001E-2</v>
      </c>
      <c r="AH57" s="94">
        <v>4.8253941820690337E-2</v>
      </c>
      <c r="AI57" s="100">
        <v>67</v>
      </c>
      <c r="AJ57" s="101">
        <v>4.7</v>
      </c>
      <c r="AK57" s="102">
        <v>0.39200000000000002</v>
      </c>
      <c r="AL57" s="108">
        <v>0.23699999999999999</v>
      </c>
      <c r="AM57" s="94">
        <v>0.10302608710350503</v>
      </c>
      <c r="AN57" s="103">
        <v>0.20300000000000001</v>
      </c>
      <c r="AO57" s="94">
        <v>9.8281019683296236E-2</v>
      </c>
      <c r="AP57" s="103">
        <v>0.39800000000000002</v>
      </c>
      <c r="AQ57" s="94">
        <v>0.11645836097336605</v>
      </c>
      <c r="AR57" s="93">
        <v>0.16300000000000001</v>
      </c>
      <c r="AS57" s="94">
        <v>9.1579886485738352E-2</v>
      </c>
    </row>
    <row r="58" spans="1:45">
      <c r="A58" s="49" t="s">
        <v>459</v>
      </c>
      <c r="B58" s="104">
        <v>33</v>
      </c>
      <c r="C58" s="105">
        <v>4.5999999999999996</v>
      </c>
      <c r="D58" s="106">
        <v>0.5292</v>
      </c>
      <c r="E58" s="107">
        <v>0.19400000000000001</v>
      </c>
      <c r="F58" s="97">
        <v>0.13774840508072742</v>
      </c>
      <c r="G58" s="107">
        <v>0.307</v>
      </c>
      <c r="H58" s="97">
        <v>0.15434937387768496</v>
      </c>
      <c r="I58" s="107">
        <v>0.499</v>
      </c>
      <c r="J58" s="97">
        <v>0.1643987257558473</v>
      </c>
      <c r="K58" s="96">
        <v>0</v>
      </c>
      <c r="L58" s="97">
        <v>7.4349222205986693E-2</v>
      </c>
      <c r="M58" s="104">
        <v>34</v>
      </c>
      <c r="N58" s="105">
        <v>4.5</v>
      </c>
      <c r="O58" s="106">
        <v>0.47039999999999998</v>
      </c>
      <c r="P58" s="107">
        <v>0.19</v>
      </c>
      <c r="Q58" s="97">
        <v>0.13497241784616204</v>
      </c>
      <c r="R58" s="107">
        <v>0.35099999999999998</v>
      </c>
      <c r="S58" s="97">
        <v>0.15634876677244383</v>
      </c>
      <c r="T58" s="107">
        <v>0.41</v>
      </c>
      <c r="U58" s="97">
        <v>0.16010375335531773</v>
      </c>
      <c r="V58" s="96">
        <v>0.05</v>
      </c>
      <c r="W58" s="97">
        <v>9.6183931054461339E-2</v>
      </c>
      <c r="X58" s="104">
        <v>34</v>
      </c>
      <c r="Y58" s="105">
        <v>4.9000000000000004</v>
      </c>
      <c r="Z58" s="106">
        <v>0.43119999999999997</v>
      </c>
      <c r="AA58" s="107">
        <v>0.20499999999999999</v>
      </c>
      <c r="AB58" s="97">
        <v>0.13777624373316746</v>
      </c>
      <c r="AC58" s="107">
        <v>0.17699999999999999</v>
      </c>
      <c r="AD58" s="97">
        <v>0.13237864353119008</v>
      </c>
      <c r="AE58" s="107">
        <v>0.61899999999999999</v>
      </c>
      <c r="AF58" s="97">
        <v>0.1585006573357238</v>
      </c>
      <c r="AG58" s="96">
        <v>0</v>
      </c>
      <c r="AH58" s="97">
        <v>7.2447073853861607E-2</v>
      </c>
      <c r="AI58" s="104">
        <v>34</v>
      </c>
      <c r="AJ58" s="105">
        <v>4.5</v>
      </c>
      <c r="AK58" s="106">
        <v>0.54880000000000007</v>
      </c>
      <c r="AL58" s="107">
        <v>5.1999999999999998E-2</v>
      </c>
      <c r="AM58" s="97">
        <v>9.6967496805128325E-2</v>
      </c>
      <c r="AN58" s="107">
        <v>0.38500000000000001</v>
      </c>
      <c r="AO58" s="97">
        <v>0.15874928035649366</v>
      </c>
      <c r="AP58" s="107">
        <v>0.47299999999999998</v>
      </c>
      <c r="AQ58" s="97">
        <v>0.1620319643975042</v>
      </c>
      <c r="AR58" s="96">
        <v>8.8999999999999996E-2</v>
      </c>
      <c r="AS58" s="97">
        <v>0.10991365748117629</v>
      </c>
    </row>
    <row r="61" spans="1:45" ht="18.75">
      <c r="A61" s="322" t="s">
        <v>253</v>
      </c>
      <c r="B61" s="322"/>
      <c r="C61" s="322"/>
      <c r="D61" s="322"/>
      <c r="E61" s="322"/>
      <c r="F61" s="322"/>
      <c r="G61" s="322"/>
      <c r="H61" s="322"/>
      <c r="I61" s="322"/>
      <c r="J61" s="322"/>
      <c r="K61" s="322"/>
      <c r="L61" s="322"/>
      <c r="M61" s="322"/>
      <c r="N61" s="322"/>
      <c r="O61" s="322"/>
      <c r="P61" s="322"/>
      <c r="Q61" s="322"/>
      <c r="R61" s="322"/>
      <c r="S61" s="322"/>
      <c r="T61" s="322"/>
      <c r="U61" s="322"/>
      <c r="V61" s="322"/>
      <c r="W61" s="322"/>
    </row>
    <row r="62" spans="1:45" ht="66" customHeight="1">
      <c r="A62" s="342" t="s">
        <v>382</v>
      </c>
      <c r="B62" s="342"/>
      <c r="C62" s="342"/>
      <c r="D62" s="342"/>
      <c r="E62" s="342"/>
      <c r="F62" s="342"/>
      <c r="G62" s="342"/>
      <c r="H62" s="342"/>
      <c r="I62" s="342"/>
      <c r="J62" s="342"/>
      <c r="K62" s="342"/>
      <c r="L62" s="342"/>
      <c r="M62" s="342"/>
      <c r="N62" s="342"/>
      <c r="O62" s="342"/>
      <c r="P62" s="342"/>
      <c r="Q62" s="342"/>
      <c r="R62" s="342"/>
      <c r="S62" s="342"/>
      <c r="T62" s="342"/>
      <c r="U62" s="342"/>
      <c r="V62" s="342"/>
      <c r="W62" s="342"/>
    </row>
    <row r="63" spans="1:45" ht="45.75" customHeight="1">
      <c r="A63" s="109"/>
      <c r="B63" s="339" t="s">
        <v>389</v>
      </c>
      <c r="C63" s="340"/>
      <c r="D63" s="340"/>
      <c r="E63" s="340"/>
      <c r="F63" s="340"/>
      <c r="G63" s="340"/>
      <c r="H63" s="340"/>
      <c r="I63" s="340"/>
      <c r="J63" s="340"/>
      <c r="K63" s="340"/>
      <c r="L63" s="341"/>
      <c r="M63" s="339" t="s">
        <v>254</v>
      </c>
      <c r="N63" s="340"/>
      <c r="O63" s="340"/>
      <c r="P63" s="340"/>
      <c r="Q63" s="340"/>
      <c r="R63" s="340"/>
      <c r="S63" s="340"/>
      <c r="T63" s="340"/>
      <c r="U63" s="340"/>
      <c r="V63" s="340"/>
      <c r="W63" s="340"/>
    </row>
    <row r="64" spans="1:45" ht="66" customHeight="1">
      <c r="A64" s="37" t="s">
        <v>85</v>
      </c>
      <c r="B64" s="38" t="s">
        <v>86</v>
      </c>
      <c r="C64" s="38" t="s">
        <v>87</v>
      </c>
      <c r="D64" s="269" t="s">
        <v>88</v>
      </c>
      <c r="E64" s="38" t="s">
        <v>178</v>
      </c>
      <c r="F64" s="89" t="s">
        <v>101</v>
      </c>
      <c r="G64" s="38" t="s">
        <v>179</v>
      </c>
      <c r="H64" s="89" t="s">
        <v>102</v>
      </c>
      <c r="I64" s="38" t="s">
        <v>180</v>
      </c>
      <c r="J64" s="89" t="s">
        <v>103</v>
      </c>
      <c r="K64" s="38" t="s">
        <v>356</v>
      </c>
      <c r="L64" s="89" t="s">
        <v>355</v>
      </c>
      <c r="M64" s="65" t="s">
        <v>86</v>
      </c>
      <c r="N64" s="65" t="s">
        <v>87</v>
      </c>
      <c r="O64" s="271" t="s">
        <v>88</v>
      </c>
      <c r="P64" s="65" t="s">
        <v>426</v>
      </c>
      <c r="Q64" s="88" t="s">
        <v>427</v>
      </c>
      <c r="R64" s="65" t="s">
        <v>422</v>
      </c>
      <c r="S64" s="88" t="s">
        <v>424</v>
      </c>
      <c r="T64" s="65" t="s">
        <v>428</v>
      </c>
      <c r="U64" s="88" t="s">
        <v>429</v>
      </c>
      <c r="V64" s="65" t="s">
        <v>356</v>
      </c>
      <c r="W64" s="88" t="s">
        <v>370</v>
      </c>
    </row>
    <row r="65" spans="1:23" ht="99.75" customHeight="1">
      <c r="A65" s="41"/>
      <c r="B65" s="42" t="s">
        <v>89</v>
      </c>
      <c r="C65" s="42" t="s">
        <v>357</v>
      </c>
      <c r="D65" s="270" t="s">
        <v>91</v>
      </c>
      <c r="E65" s="42" t="s">
        <v>181</v>
      </c>
      <c r="F65" s="91" t="s">
        <v>104</v>
      </c>
      <c r="G65" s="42" t="s">
        <v>182</v>
      </c>
      <c r="H65" s="91" t="s">
        <v>104</v>
      </c>
      <c r="I65" s="42" t="s">
        <v>183</v>
      </c>
      <c r="J65" s="91" t="s">
        <v>104</v>
      </c>
      <c r="K65" s="42" t="s">
        <v>356</v>
      </c>
      <c r="L65" s="91" t="s">
        <v>104</v>
      </c>
      <c r="M65" s="68" t="s">
        <v>89</v>
      </c>
      <c r="N65" s="68" t="s">
        <v>358</v>
      </c>
      <c r="O65" s="272" t="s">
        <v>91</v>
      </c>
      <c r="P65" s="68" t="s">
        <v>421</v>
      </c>
      <c r="Q65" s="90" t="s">
        <v>104</v>
      </c>
      <c r="R65" s="68" t="s">
        <v>423</v>
      </c>
      <c r="S65" s="90" t="s">
        <v>104</v>
      </c>
      <c r="T65" s="68" t="s">
        <v>181</v>
      </c>
      <c r="U65" s="90" t="s">
        <v>104</v>
      </c>
      <c r="V65" s="68" t="s">
        <v>356</v>
      </c>
      <c r="W65" s="90" t="s">
        <v>104</v>
      </c>
    </row>
    <row r="66" spans="1:23">
      <c r="A66" s="45" t="s">
        <v>434</v>
      </c>
      <c r="B66" s="112">
        <v>9266</v>
      </c>
      <c r="C66" s="47">
        <v>3.1</v>
      </c>
      <c r="D66" s="48">
        <v>3.9199999999999999E-2</v>
      </c>
      <c r="E66" s="113">
        <v>0.60799999999999998</v>
      </c>
      <c r="F66" s="94">
        <v>1.0141311453284773E-2</v>
      </c>
      <c r="G66" s="113">
        <v>0.107</v>
      </c>
      <c r="H66" s="94">
        <v>6.4255510910279385E-3</v>
      </c>
      <c r="I66" s="113">
        <v>0.26500000000000001</v>
      </c>
      <c r="J66" s="94">
        <v>9.1687440737048664E-3</v>
      </c>
      <c r="K66" s="93">
        <v>0.02</v>
      </c>
      <c r="L66" s="94">
        <v>2.9228698383357626E-3</v>
      </c>
      <c r="M66" s="112">
        <v>10804</v>
      </c>
      <c r="N66" s="47">
        <v>4</v>
      </c>
      <c r="O66" s="48">
        <v>3.9199999999999999E-2</v>
      </c>
      <c r="P66" s="113">
        <v>0.21</v>
      </c>
      <c r="Q66" s="94">
        <v>7.8372187685314225E-3</v>
      </c>
      <c r="R66" s="113">
        <v>0.35</v>
      </c>
      <c r="S66" s="94">
        <v>9.1762221941187605E-3</v>
      </c>
      <c r="T66" s="113">
        <v>0.33</v>
      </c>
      <c r="U66" s="94">
        <v>9.0463357677486728E-3</v>
      </c>
      <c r="V66" s="93">
        <v>0.11</v>
      </c>
      <c r="W66" s="94">
        <v>6.022796639669644E-3</v>
      </c>
    </row>
    <row r="67" spans="1:23">
      <c r="A67" s="49" t="s">
        <v>435</v>
      </c>
      <c r="B67" s="114">
        <v>8696</v>
      </c>
      <c r="C67" s="51">
        <v>3.1323235774438491</v>
      </c>
      <c r="D67" s="52">
        <v>4.4663496380326621E-2</v>
      </c>
      <c r="E67" s="115">
        <v>0.59938941569962423</v>
      </c>
      <c r="F67" s="97">
        <v>1.0507377275093125E-2</v>
      </c>
      <c r="G67" s="115">
        <v>0.10760644100695003</v>
      </c>
      <c r="H67" s="97">
        <v>6.6494782928836413E-3</v>
      </c>
      <c r="I67" s="115">
        <v>0.27330918993901621</v>
      </c>
      <c r="J67" s="97">
        <v>9.5570523943678196E-3</v>
      </c>
      <c r="K67" s="96">
        <v>1.9694953354409444E-2</v>
      </c>
      <c r="L67" s="97">
        <v>2.9957168534017315E-3</v>
      </c>
      <c r="M67" s="114">
        <v>8845</v>
      </c>
      <c r="N67" s="51">
        <v>4.2</v>
      </c>
      <c r="O67" s="52">
        <v>3.9713671816827278E-2</v>
      </c>
      <c r="P67" s="115">
        <v>0.25</v>
      </c>
      <c r="Q67" s="97">
        <v>9.2076530686058689E-3</v>
      </c>
      <c r="R67" s="115">
        <v>0.36</v>
      </c>
      <c r="S67" s="97">
        <v>1.020565378598757E-2</v>
      </c>
      <c r="T67" s="115">
        <v>0.28999999999999998</v>
      </c>
      <c r="U67" s="97">
        <v>9.6483512264059351E-3</v>
      </c>
      <c r="V67" s="96">
        <v>0.09</v>
      </c>
      <c r="W67" s="97">
        <v>6.0901405948729989E-3</v>
      </c>
    </row>
    <row r="68" spans="1:23">
      <c r="A68" s="45" t="s">
        <v>436</v>
      </c>
      <c r="B68" s="83">
        <v>831</v>
      </c>
      <c r="C68" s="47">
        <v>3.09</v>
      </c>
      <c r="D68" s="48">
        <v>0.13720000000000002</v>
      </c>
      <c r="E68" s="98">
        <v>0.61799999999999999</v>
      </c>
      <c r="F68" s="94">
        <v>3.3638378713289473E-2</v>
      </c>
      <c r="G68" s="98">
        <v>0.12</v>
      </c>
      <c r="H68" s="94">
        <v>2.2638016813541717E-2</v>
      </c>
      <c r="I68" s="98">
        <v>0.255</v>
      </c>
      <c r="J68" s="94">
        <v>3.0212715914342669E-2</v>
      </c>
      <c r="K68" s="93">
        <v>7.0000000000000001E-3</v>
      </c>
      <c r="L68" s="94">
        <v>6.6653220565623282E-3</v>
      </c>
      <c r="M68" s="83">
        <v>1984</v>
      </c>
      <c r="N68" s="47">
        <v>3.38</v>
      </c>
      <c r="O68" s="48">
        <v>7.8399999999999997E-2</v>
      </c>
      <c r="P68" s="98">
        <v>0.111</v>
      </c>
      <c r="Q68" s="94">
        <v>1.4134117933690758E-2</v>
      </c>
      <c r="R68" s="98">
        <v>0.30200000000000005</v>
      </c>
      <c r="S68" s="94">
        <v>2.0602279759993316E-2</v>
      </c>
      <c r="T68" s="98">
        <v>0.45499999999999996</v>
      </c>
      <c r="U68" s="94">
        <v>2.2337413494861014E-2</v>
      </c>
      <c r="V68" s="93">
        <v>0.13200000000000001</v>
      </c>
      <c r="W68" s="94">
        <v>1.5219415849224751E-2</v>
      </c>
    </row>
    <row r="69" spans="1:23">
      <c r="A69" s="49" t="s">
        <v>437</v>
      </c>
      <c r="B69" s="114">
        <v>2534</v>
      </c>
      <c r="C69" s="51">
        <v>3.1</v>
      </c>
      <c r="D69" s="52">
        <v>7.8399999999999997E-2</v>
      </c>
      <c r="E69" s="115">
        <v>0.59899999999999998</v>
      </c>
      <c r="F69" s="97">
        <v>1.945797715934117E-2</v>
      </c>
      <c r="G69" s="115">
        <v>0.11799999999999999</v>
      </c>
      <c r="H69" s="97">
        <v>1.2835603732985545E-2</v>
      </c>
      <c r="I69" s="115">
        <v>0.25900000000000001</v>
      </c>
      <c r="J69" s="97">
        <v>1.740003225316375E-2</v>
      </c>
      <c r="K69" s="96">
        <v>2.4E-2</v>
      </c>
      <c r="L69" s="97">
        <v>6.1678166142297057E-3</v>
      </c>
      <c r="M69" s="114">
        <v>3070</v>
      </c>
      <c r="N69" s="51">
        <v>3.9</v>
      </c>
      <c r="O69" s="52">
        <v>5.8799999999999998E-2</v>
      </c>
      <c r="P69" s="115">
        <v>0.19</v>
      </c>
      <c r="Q69" s="97">
        <v>1.4162820041752374E-2</v>
      </c>
      <c r="R69" s="115">
        <v>0.35</v>
      </c>
      <c r="S69" s="97">
        <v>1.720777076775782E-2</v>
      </c>
      <c r="T69" s="115">
        <v>0.36</v>
      </c>
      <c r="U69" s="97">
        <v>1.7316787965453672E-2</v>
      </c>
      <c r="V69" s="96">
        <v>0.11</v>
      </c>
      <c r="W69" s="97">
        <v>1.1309542985125593E-2</v>
      </c>
    </row>
    <row r="70" spans="1:23">
      <c r="A70" s="45" t="s">
        <v>438</v>
      </c>
      <c r="B70" s="83">
        <v>2470</v>
      </c>
      <c r="C70" s="47">
        <v>3.12</v>
      </c>
      <c r="D70" s="48">
        <v>7.8399999999999997E-2</v>
      </c>
      <c r="E70" s="98">
        <v>0.59599999999999997</v>
      </c>
      <c r="F70" s="94">
        <v>1.9731986639735737E-2</v>
      </c>
      <c r="G70" s="98">
        <v>0.122</v>
      </c>
      <c r="H70" s="94">
        <v>1.3188372211413658E-2</v>
      </c>
      <c r="I70" s="98">
        <v>0.25800000000000001</v>
      </c>
      <c r="J70" s="94">
        <v>1.7601775706017345E-2</v>
      </c>
      <c r="K70" s="93">
        <v>2.3E-2</v>
      </c>
      <c r="L70" s="94">
        <v>6.1253610603347218E-3</v>
      </c>
      <c r="M70" s="83">
        <v>2479</v>
      </c>
      <c r="N70" s="47">
        <v>4</v>
      </c>
      <c r="O70" s="48">
        <v>7.8399999999999997E-2</v>
      </c>
      <c r="P70" s="98">
        <v>0.20300000000000001</v>
      </c>
      <c r="Q70" s="94">
        <v>1.6158446852167004E-2</v>
      </c>
      <c r="R70" s="98">
        <v>0.35699999999999998</v>
      </c>
      <c r="S70" s="94">
        <v>1.9232843424908889E-2</v>
      </c>
      <c r="T70" s="98">
        <v>0.33300000000000002</v>
      </c>
      <c r="U70" s="94">
        <v>1.8919707975749628E-2</v>
      </c>
      <c r="V70" s="93">
        <v>0.107</v>
      </c>
      <c r="W70" s="94">
        <v>1.2439023715378699E-2</v>
      </c>
    </row>
    <row r="71" spans="1:23">
      <c r="A71" s="49" t="s">
        <v>449</v>
      </c>
      <c r="B71" s="114">
        <v>283</v>
      </c>
      <c r="C71" s="51">
        <v>3.2</v>
      </c>
      <c r="D71" s="52">
        <v>0.25480000000000003</v>
      </c>
      <c r="E71" s="115">
        <v>0.59899999999999998</v>
      </c>
      <c r="F71" s="97">
        <v>5.7892161527419377E-2</v>
      </c>
      <c r="G71" s="115">
        <v>0.111</v>
      </c>
      <c r="H71" s="97">
        <v>3.7864164554071253E-2</v>
      </c>
      <c r="I71" s="115">
        <v>0.26400000000000001</v>
      </c>
      <c r="J71" s="97">
        <v>5.2245158209180333E-2</v>
      </c>
      <c r="K71" s="96">
        <v>2.5000000000000001E-2</v>
      </c>
      <c r="L71" s="97">
        <v>2.0658285473913986E-2</v>
      </c>
      <c r="M71" s="114">
        <v>293</v>
      </c>
      <c r="N71" s="51">
        <v>3.6</v>
      </c>
      <c r="O71" s="52">
        <v>0.23519999999999999</v>
      </c>
      <c r="P71" s="115">
        <v>0.16</v>
      </c>
      <c r="Q71" s="97">
        <v>4.3032027275894336E-2</v>
      </c>
      <c r="R71" s="115">
        <v>0.29000000000000004</v>
      </c>
      <c r="S71" s="97">
        <v>5.2810553940125675E-2</v>
      </c>
      <c r="T71" s="115">
        <v>0.42000000000000004</v>
      </c>
      <c r="U71" s="97">
        <v>5.7298465988375985E-2</v>
      </c>
      <c r="V71" s="96">
        <v>0.11</v>
      </c>
      <c r="W71" s="97">
        <v>3.7058399753117179E-2</v>
      </c>
    </row>
    <row r="72" spans="1:23">
      <c r="A72" s="45" t="s">
        <v>439</v>
      </c>
      <c r="B72" s="83">
        <v>143</v>
      </c>
      <c r="C72" s="47">
        <v>3.2</v>
      </c>
      <c r="D72" s="48">
        <v>0.3528</v>
      </c>
      <c r="E72" s="98">
        <v>0.60099999999999998</v>
      </c>
      <c r="F72" s="94">
        <v>8.0870536214226019E-2</v>
      </c>
      <c r="G72" s="98">
        <v>0.108</v>
      </c>
      <c r="H72" s="94">
        <v>5.3346483639547033E-2</v>
      </c>
      <c r="I72" s="98">
        <v>0.27500000000000002</v>
      </c>
      <c r="J72" s="94">
        <v>7.4156043906564648E-2</v>
      </c>
      <c r="K72" s="93">
        <v>1.4999999999999999E-2</v>
      </c>
      <c r="L72" s="94">
        <v>2.7306370826523124E-2</v>
      </c>
      <c r="M72" s="83">
        <v>145</v>
      </c>
      <c r="N72" s="47">
        <v>3.1</v>
      </c>
      <c r="O72" s="48">
        <v>0.29399999999999998</v>
      </c>
      <c r="P72" s="98">
        <v>0.11</v>
      </c>
      <c r="Q72" s="94">
        <v>5.3333653142827016E-2</v>
      </c>
      <c r="R72" s="98">
        <v>0.23</v>
      </c>
      <c r="S72" s="94">
        <v>6.9699557697608758E-2</v>
      </c>
      <c r="T72" s="98">
        <v>0.56000000000000005</v>
      </c>
      <c r="U72" s="94">
        <v>8.1362672065971628E-2</v>
      </c>
      <c r="V72" s="93">
        <v>0.1</v>
      </c>
      <c r="W72" s="94">
        <v>5.1416262516437272E-2</v>
      </c>
    </row>
    <row r="73" spans="1:23" ht="27" customHeight="1">
      <c r="A73" s="49" t="s">
        <v>440</v>
      </c>
      <c r="B73" s="114">
        <v>91</v>
      </c>
      <c r="C73" s="51">
        <v>3.2</v>
      </c>
      <c r="D73" s="52">
        <v>0.43119999999999997</v>
      </c>
      <c r="E73" s="115">
        <v>0.61799999999999999</v>
      </c>
      <c r="F73" s="97">
        <v>9.9941848810230341E-2</v>
      </c>
      <c r="G73" s="115">
        <v>0.128</v>
      </c>
      <c r="H73" s="97">
        <v>7.1971940426646758E-2</v>
      </c>
      <c r="I73" s="115">
        <v>0.23400000000000001</v>
      </c>
      <c r="J73" s="97">
        <v>8.8276350769972131E-2</v>
      </c>
      <c r="K73" s="96">
        <v>0.02</v>
      </c>
      <c r="L73" s="97">
        <v>4.0311231235917983E-2</v>
      </c>
      <c r="M73" s="114">
        <v>93</v>
      </c>
      <c r="N73" s="51">
        <v>4.9000000000000004</v>
      </c>
      <c r="O73" s="52">
        <v>0.31359999999999999</v>
      </c>
      <c r="P73" s="115">
        <v>0.33</v>
      </c>
      <c r="Q73" s="97">
        <v>9.5988478844413264E-2</v>
      </c>
      <c r="R73" s="115">
        <v>0.48</v>
      </c>
      <c r="S73" s="97">
        <v>0.10145992240927144</v>
      </c>
      <c r="T73" s="115">
        <v>0.1</v>
      </c>
      <c r="U73" s="97">
        <v>6.514814089812343E-2</v>
      </c>
      <c r="V73" s="96">
        <v>0.09</v>
      </c>
      <c r="W73" s="97">
        <v>6.2747428108847911E-2</v>
      </c>
    </row>
    <row r="74" spans="1:23">
      <c r="A74" s="45" t="s">
        <v>475</v>
      </c>
      <c r="B74" s="83">
        <v>256</v>
      </c>
      <c r="C74" s="47">
        <v>3.6</v>
      </c>
      <c r="D74" s="48">
        <v>0.27440000000000003</v>
      </c>
      <c r="E74" s="98">
        <v>0.498</v>
      </c>
      <c r="F74" s="94">
        <v>6.2016886302184791E-2</v>
      </c>
      <c r="G74" s="98">
        <v>0.11700000000000001</v>
      </c>
      <c r="H74" s="94">
        <v>4.072228427973424E-2</v>
      </c>
      <c r="I74" s="98">
        <v>0.36299999999999999</v>
      </c>
      <c r="J74" s="94">
        <v>5.9717806302829073E-2</v>
      </c>
      <c r="K74" s="93">
        <v>2.1000000000000001E-2</v>
      </c>
      <c r="L74" s="94">
        <v>2.0592910473414015E-2</v>
      </c>
      <c r="M74" s="83">
        <v>266</v>
      </c>
      <c r="N74" s="47">
        <v>4.7</v>
      </c>
      <c r="O74" s="48">
        <v>0.19600000000000001</v>
      </c>
      <c r="P74" s="98">
        <v>0.32</v>
      </c>
      <c r="Q74" s="94">
        <v>5.6901850375288214E-2</v>
      </c>
      <c r="R74" s="98">
        <v>0.4</v>
      </c>
      <c r="S74" s="94">
        <v>5.9665003267802712E-2</v>
      </c>
      <c r="T74" s="98">
        <v>0.19</v>
      </c>
      <c r="U74" s="94">
        <v>4.8185800198304291E-2</v>
      </c>
      <c r="V74" s="93">
        <v>0.09</v>
      </c>
      <c r="W74" s="94">
        <v>3.5868865352865237E-2</v>
      </c>
    </row>
    <row r="75" spans="1:23">
      <c r="A75" s="49" t="s">
        <v>441</v>
      </c>
      <c r="B75" s="114">
        <v>82</v>
      </c>
      <c r="C75" s="51">
        <v>3.8</v>
      </c>
      <c r="D75" s="52">
        <v>0.47039999999999998</v>
      </c>
      <c r="E75" s="115">
        <v>0.44500000000000001</v>
      </c>
      <c r="F75" s="97">
        <v>0.10723802069401554</v>
      </c>
      <c r="G75" s="115">
        <v>0.13500000000000001</v>
      </c>
      <c r="H75" s="97">
        <v>7.7423574744195478E-2</v>
      </c>
      <c r="I75" s="115">
        <v>0.39900000000000002</v>
      </c>
      <c r="J75" s="97">
        <v>0.10581375962040733</v>
      </c>
      <c r="K75" s="96">
        <v>2.1000000000000001E-2</v>
      </c>
      <c r="L75" s="97">
        <v>4.3884622452415062E-2</v>
      </c>
      <c r="M75" s="114">
        <v>83</v>
      </c>
      <c r="N75" s="51">
        <v>5.4</v>
      </c>
      <c r="O75" s="52">
        <v>0.31359999999999999</v>
      </c>
      <c r="P75" s="115">
        <v>0.46</v>
      </c>
      <c r="Q75" s="97">
        <v>0.10689854341767441</v>
      </c>
      <c r="R75" s="115">
        <v>0.44</v>
      </c>
      <c r="S75" s="97">
        <v>0.10650636471071538</v>
      </c>
      <c r="T75" s="115">
        <v>7.0000000000000007E-2</v>
      </c>
      <c r="U75" s="97">
        <v>6.1293130779259422E-2</v>
      </c>
      <c r="V75" s="96">
        <v>0.02</v>
      </c>
      <c r="W75" s="97">
        <v>4.3044573346706839E-2</v>
      </c>
    </row>
    <row r="76" spans="1:23" ht="25.5">
      <c r="A76" s="45" t="s">
        <v>442</v>
      </c>
      <c r="B76" s="112">
        <v>105</v>
      </c>
      <c r="C76" s="47">
        <v>3.4</v>
      </c>
      <c r="D76" s="48">
        <v>0.43119999999999997</v>
      </c>
      <c r="E76" s="113">
        <v>0.60399999999999998</v>
      </c>
      <c r="F76" s="94">
        <v>9.384024470374365E-2</v>
      </c>
      <c r="G76" s="113">
        <v>3.7999999999999999E-2</v>
      </c>
      <c r="H76" s="94">
        <v>4.3655940969528101E-2</v>
      </c>
      <c r="I76" s="113">
        <v>0.33700000000000002</v>
      </c>
      <c r="J76" s="94">
        <v>9.0937066290488311E-2</v>
      </c>
      <c r="K76" s="93">
        <v>2.1000000000000001E-2</v>
      </c>
      <c r="L76" s="94">
        <v>3.6892962449202246E-2</v>
      </c>
      <c r="M76" s="112">
        <v>108</v>
      </c>
      <c r="N76" s="47">
        <v>4.8</v>
      </c>
      <c r="O76" s="48">
        <v>0.29399999999999998</v>
      </c>
      <c r="P76" s="113">
        <v>0.31</v>
      </c>
      <c r="Q76" s="94">
        <v>8.791890043634451E-2</v>
      </c>
      <c r="R76" s="113">
        <v>0.44999999999999996</v>
      </c>
      <c r="S76" s="94">
        <v>9.4050780860482339E-2</v>
      </c>
      <c r="T76" s="113">
        <v>0.15</v>
      </c>
      <c r="U76" s="94">
        <v>6.97172222010356E-2</v>
      </c>
      <c r="V76" s="93">
        <v>0.09</v>
      </c>
      <c r="W76" s="94">
        <v>5.7846079504095767E-2</v>
      </c>
    </row>
    <row r="77" spans="1:23">
      <c r="A77" s="49" t="s">
        <v>462</v>
      </c>
      <c r="B77" s="114">
        <v>69</v>
      </c>
      <c r="C77" s="51">
        <v>3.6</v>
      </c>
      <c r="D77" s="52">
        <v>0.54880000000000007</v>
      </c>
      <c r="E77" s="115">
        <v>0.443</v>
      </c>
      <c r="F77" s="97">
        <v>0.1163596926559801</v>
      </c>
      <c r="G77" s="115">
        <v>0.18099999999999999</v>
      </c>
      <c r="H77" s="97">
        <v>9.3364907656697901E-2</v>
      </c>
      <c r="I77" s="115">
        <v>0.35399999999999998</v>
      </c>
      <c r="J77" s="97">
        <v>0.11249499227819536</v>
      </c>
      <c r="K77" s="96">
        <v>2.1000000000000001E-2</v>
      </c>
      <c r="L77" s="97">
        <v>4.9664262645865431E-2</v>
      </c>
      <c r="M77" s="114">
        <v>71</v>
      </c>
      <c r="N77" s="51">
        <v>4</v>
      </c>
      <c r="O77" s="52">
        <v>0.41159999999999997</v>
      </c>
      <c r="P77" s="115">
        <v>0.2</v>
      </c>
      <c r="Q77" s="97">
        <v>9.5035151391471992E-2</v>
      </c>
      <c r="R77" s="115">
        <v>0.33999999999999997</v>
      </c>
      <c r="S77" s="97">
        <v>0.11004431807567686</v>
      </c>
      <c r="T77" s="115">
        <v>0.33999999999999997</v>
      </c>
      <c r="U77" s="97">
        <v>0.11004431807567686</v>
      </c>
      <c r="V77" s="96">
        <v>0.12</v>
      </c>
      <c r="W77" s="97">
        <v>8.0197066908589243E-2</v>
      </c>
    </row>
    <row r="78" spans="1:23">
      <c r="A78" s="45" t="s">
        <v>450</v>
      </c>
      <c r="B78" s="83">
        <v>262</v>
      </c>
      <c r="C78" s="47">
        <v>3</v>
      </c>
      <c r="D78" s="48">
        <v>0.23519999999999999</v>
      </c>
      <c r="E78" s="98">
        <v>0.57299999999999995</v>
      </c>
      <c r="F78" s="94">
        <v>6.0676643960554853E-2</v>
      </c>
      <c r="G78" s="98">
        <v>0.186</v>
      </c>
      <c r="H78" s="94">
        <v>4.8176835571078207E-2</v>
      </c>
      <c r="I78" s="98">
        <v>0.214</v>
      </c>
      <c r="J78" s="94">
        <v>5.0656670338181886E-2</v>
      </c>
      <c r="K78" s="98">
        <v>2.7E-2</v>
      </c>
      <c r="L78" s="94">
        <v>2.2259271976078774E-2</v>
      </c>
      <c r="M78" s="83">
        <v>311</v>
      </c>
      <c r="N78" s="47">
        <v>3.2</v>
      </c>
      <c r="O78" s="48">
        <v>0.19600000000000001</v>
      </c>
      <c r="P78" s="98">
        <v>0.09</v>
      </c>
      <c r="Q78" s="94">
        <v>3.3073674425852274E-2</v>
      </c>
      <c r="R78" s="98">
        <v>0.29000000000000004</v>
      </c>
      <c r="S78" s="94">
        <v>5.1271191686967484E-2</v>
      </c>
      <c r="T78" s="98">
        <v>0.47000000000000003</v>
      </c>
      <c r="U78" s="94">
        <v>5.6244670945380826E-2</v>
      </c>
      <c r="V78" s="98">
        <v>0.14000000000000001</v>
      </c>
      <c r="W78" s="94">
        <v>3.9628517968074047E-2</v>
      </c>
    </row>
    <row r="79" spans="1:23">
      <c r="A79" s="49" t="s">
        <v>443</v>
      </c>
      <c r="B79" s="114">
        <v>124</v>
      </c>
      <c r="C79" s="51">
        <v>3.4</v>
      </c>
      <c r="D79" s="52">
        <v>0.3528</v>
      </c>
      <c r="E79" s="115">
        <v>0.42499999999999999</v>
      </c>
      <c r="F79" s="97">
        <v>8.7450176767963406E-2</v>
      </c>
      <c r="G79" s="115">
        <v>0.30399999999999999</v>
      </c>
      <c r="H79" s="97">
        <v>8.1767101493930613E-2</v>
      </c>
      <c r="I79" s="115">
        <v>0.2</v>
      </c>
      <c r="J79" s="97">
        <v>7.1923811550617583E-2</v>
      </c>
      <c r="K79" s="96">
        <v>7.1999999999999995E-2</v>
      </c>
      <c r="L79" s="97">
        <v>4.9398288613764239E-2</v>
      </c>
      <c r="M79" s="114">
        <v>160</v>
      </c>
      <c r="N79" s="51">
        <v>3.8</v>
      </c>
      <c r="O79" s="52">
        <v>0.27440000000000003</v>
      </c>
      <c r="P79" s="115">
        <v>0.2</v>
      </c>
      <c r="Q79" s="97">
        <v>6.3310443854393578E-2</v>
      </c>
      <c r="R79" s="115">
        <v>0.32</v>
      </c>
      <c r="S79" s="97">
        <v>7.3112211379254277E-2</v>
      </c>
      <c r="T79" s="115">
        <v>0.33999999999999997</v>
      </c>
      <c r="U79" s="97">
        <v>7.4183942687222532E-2</v>
      </c>
      <c r="V79" s="96">
        <v>0.14000000000000001</v>
      </c>
      <c r="W79" s="97">
        <v>5.5577863257143763E-2</v>
      </c>
    </row>
    <row r="80" spans="1:23">
      <c r="A80" s="57" t="s">
        <v>444</v>
      </c>
      <c r="B80" s="112">
        <v>138</v>
      </c>
      <c r="C80" s="47">
        <v>2.8</v>
      </c>
      <c r="D80" s="48">
        <v>0.31359999999999999</v>
      </c>
      <c r="E80" s="113">
        <v>0.64700000000000002</v>
      </c>
      <c r="F80" s="94">
        <v>8.0419894857003293E-2</v>
      </c>
      <c r="G80" s="113">
        <v>0.127</v>
      </c>
      <c r="H80" s="94">
        <v>5.779976499396873E-2</v>
      </c>
      <c r="I80" s="113">
        <v>0.222</v>
      </c>
      <c r="J80" s="94">
        <v>7.0612751477536415E-2</v>
      </c>
      <c r="K80" s="93">
        <v>5.0000000000000001E-3</v>
      </c>
      <c r="L80" s="94">
        <v>2.2880460723057567E-2</v>
      </c>
      <c r="M80" s="112">
        <v>151</v>
      </c>
      <c r="N80" s="47">
        <v>2.8</v>
      </c>
      <c r="O80" s="48">
        <v>0.25480000000000003</v>
      </c>
      <c r="P80" s="113">
        <v>0.02</v>
      </c>
      <c r="Q80" s="94">
        <v>2.8438126491864616E-2</v>
      </c>
      <c r="R80" s="113">
        <v>0.27</v>
      </c>
      <c r="S80" s="94">
        <v>7.180530892617587E-2</v>
      </c>
      <c r="T80" s="113">
        <v>0.56000000000000005</v>
      </c>
      <c r="U80" s="94">
        <v>7.9771190360852659E-2</v>
      </c>
      <c r="V80" s="93">
        <v>0.15</v>
      </c>
      <c r="W80" s="94">
        <v>5.8748452050309735E-2</v>
      </c>
    </row>
    <row r="81" spans="1:23">
      <c r="A81" s="49" t="s">
        <v>451</v>
      </c>
      <c r="B81" s="114">
        <v>80</v>
      </c>
      <c r="C81" s="51">
        <v>2.6</v>
      </c>
      <c r="D81" s="52">
        <v>0.47039999999999998</v>
      </c>
      <c r="E81" s="115">
        <v>0.69199999999999995</v>
      </c>
      <c r="F81" s="97">
        <v>0.1015506594914513</v>
      </c>
      <c r="G81" s="115">
        <v>0.13900000000000001</v>
      </c>
      <c r="H81" s="97">
        <v>7.9220912143517258E-2</v>
      </c>
      <c r="I81" s="115">
        <v>0.16900000000000001</v>
      </c>
      <c r="J81" s="97">
        <v>8.4691300309574613E-2</v>
      </c>
      <c r="K81" s="96">
        <v>0</v>
      </c>
      <c r="L81" s="97">
        <v>3.326848242884628E-2</v>
      </c>
      <c r="M81" s="114">
        <v>89</v>
      </c>
      <c r="N81" s="51">
        <v>3.8</v>
      </c>
      <c r="O81" s="52">
        <v>0.3528</v>
      </c>
      <c r="P81" s="115">
        <v>0.17</v>
      </c>
      <c r="Q81" s="97">
        <v>8.0393196395294214E-2</v>
      </c>
      <c r="R81" s="115">
        <v>0.38</v>
      </c>
      <c r="S81" s="97">
        <v>0.10092306678364538</v>
      </c>
      <c r="T81" s="115">
        <v>0.42000000000000004</v>
      </c>
      <c r="U81" s="97">
        <v>0.10247238245621741</v>
      </c>
      <c r="V81" s="96">
        <v>0.04</v>
      </c>
      <c r="W81" s="97">
        <v>4.9169754861301346E-2</v>
      </c>
    </row>
    <row r="82" spans="1:23">
      <c r="A82" s="57" t="s">
        <v>452</v>
      </c>
      <c r="B82" s="112">
        <v>310</v>
      </c>
      <c r="C82" s="47">
        <v>3.2</v>
      </c>
      <c r="D82" s="48">
        <v>0.23519999999999999</v>
      </c>
      <c r="E82" s="113">
        <v>0.59799999999999998</v>
      </c>
      <c r="F82" s="94">
        <v>5.5366656177346034E-2</v>
      </c>
      <c r="G82" s="113">
        <v>0.106</v>
      </c>
      <c r="H82" s="94">
        <v>3.5457674755529876E-2</v>
      </c>
      <c r="I82" s="113">
        <v>0.27</v>
      </c>
      <c r="J82" s="94">
        <v>5.0278103802353875E-2</v>
      </c>
      <c r="K82" s="93">
        <v>2.7E-2</v>
      </c>
      <c r="L82" s="94">
        <v>2.0169597960817763E-2</v>
      </c>
      <c r="M82" s="112">
        <v>319</v>
      </c>
      <c r="N82" s="47">
        <v>4.7</v>
      </c>
      <c r="O82" s="48">
        <v>0.19600000000000001</v>
      </c>
      <c r="P82" s="113">
        <v>0.35</v>
      </c>
      <c r="Q82" s="94">
        <v>5.3143164887237818E-2</v>
      </c>
      <c r="R82" s="113">
        <v>0.32</v>
      </c>
      <c r="S82" s="94">
        <v>5.200589486516994E-2</v>
      </c>
      <c r="T82" s="113">
        <v>0.21000000000000002</v>
      </c>
      <c r="U82" s="94">
        <v>4.5608384769819571E-2</v>
      </c>
      <c r="V82" s="93">
        <v>0.11</v>
      </c>
      <c r="W82" s="94">
        <v>3.5478830989027973E-2</v>
      </c>
    </row>
    <row r="83" spans="1:23">
      <c r="A83" s="49" t="s">
        <v>445</v>
      </c>
      <c r="B83" s="114">
        <v>100</v>
      </c>
      <c r="C83" s="51">
        <v>3.1</v>
      </c>
      <c r="D83" s="52">
        <v>0.39200000000000002</v>
      </c>
      <c r="E83" s="115">
        <v>0.621</v>
      </c>
      <c r="F83" s="97">
        <v>9.5366413311461909E-2</v>
      </c>
      <c r="G83" s="115">
        <v>0.14000000000000001</v>
      </c>
      <c r="H83" s="97">
        <v>7.0758939308292301E-2</v>
      </c>
      <c r="I83" s="115">
        <v>0.219</v>
      </c>
      <c r="J83" s="97">
        <v>8.2507835726699619E-2</v>
      </c>
      <c r="K83" s="96">
        <v>1.9E-2</v>
      </c>
      <c r="L83" s="97">
        <v>3.7258839942303008E-2</v>
      </c>
      <c r="M83" s="114">
        <v>104</v>
      </c>
      <c r="N83" s="51">
        <v>4.5</v>
      </c>
      <c r="O83" s="52">
        <v>0.29399999999999998</v>
      </c>
      <c r="P83" s="115">
        <v>0.19</v>
      </c>
      <c r="Q83" s="97">
        <v>7.719304663118326E-2</v>
      </c>
      <c r="R83" s="115">
        <v>0.47</v>
      </c>
      <c r="S83" s="97">
        <v>9.6064297931080067E-2</v>
      </c>
      <c r="T83" s="115">
        <v>0.2</v>
      </c>
      <c r="U83" s="97">
        <v>7.8538315696636649E-2</v>
      </c>
      <c r="V83" s="96">
        <v>0.14000000000000001</v>
      </c>
      <c r="W83" s="97">
        <v>6.9341405038223003E-2</v>
      </c>
    </row>
    <row r="84" spans="1:23">
      <c r="A84" s="57" t="s">
        <v>446</v>
      </c>
      <c r="B84" s="112">
        <v>121</v>
      </c>
      <c r="C84" s="47">
        <v>3.4</v>
      </c>
      <c r="D84" s="48">
        <v>0.41159999999999997</v>
      </c>
      <c r="E84" s="113">
        <v>0.53200000000000003</v>
      </c>
      <c r="F84" s="94">
        <v>8.9270911262112701E-2</v>
      </c>
      <c r="G84" s="113">
        <v>0.1</v>
      </c>
      <c r="H84" s="94">
        <v>5.6590079696003256E-2</v>
      </c>
      <c r="I84" s="113">
        <v>0.315</v>
      </c>
      <c r="J84" s="94">
        <v>8.3509109174987606E-2</v>
      </c>
      <c r="K84" s="93">
        <v>5.2999999999999999E-2</v>
      </c>
      <c r="L84" s="94">
        <v>4.4819342818564395E-2</v>
      </c>
      <c r="M84" s="112">
        <v>122</v>
      </c>
      <c r="N84" s="47">
        <v>5.3</v>
      </c>
      <c r="O84" s="48">
        <v>0.3332</v>
      </c>
      <c r="P84" s="113">
        <v>0.56999999999999995</v>
      </c>
      <c r="Q84" s="94">
        <v>8.826478433460945E-2</v>
      </c>
      <c r="R84" s="113">
        <v>0.22000000000000003</v>
      </c>
      <c r="S84" s="94">
        <v>7.4854094146832195E-2</v>
      </c>
      <c r="T84" s="113">
        <v>0.16</v>
      </c>
      <c r="U84" s="94">
        <v>6.7052024256513715E-2</v>
      </c>
      <c r="V84" s="93">
        <v>0.05</v>
      </c>
      <c r="W84" s="94">
        <v>4.3699210419109916E-2</v>
      </c>
    </row>
    <row r="85" spans="1:23">
      <c r="A85" s="49" t="s">
        <v>447</v>
      </c>
      <c r="B85" s="114">
        <v>89</v>
      </c>
      <c r="C85" s="51">
        <v>3.1</v>
      </c>
      <c r="D85" s="52">
        <v>0.41159999999999997</v>
      </c>
      <c r="E85" s="115">
        <v>0.65900000000000003</v>
      </c>
      <c r="F85" s="97">
        <v>9.8776807544605189E-2</v>
      </c>
      <c r="G85" s="115">
        <v>7.6999999999999999E-2</v>
      </c>
      <c r="H85" s="97">
        <v>6.0865349971944815E-2</v>
      </c>
      <c r="I85" s="115">
        <v>0.26400000000000001</v>
      </c>
      <c r="J85" s="97">
        <v>9.2513764241641316E-2</v>
      </c>
      <c r="K85" s="96">
        <v>0</v>
      </c>
      <c r="L85" s="97">
        <v>3.0084393934100805E-2</v>
      </c>
      <c r="M85" s="114">
        <v>93</v>
      </c>
      <c r="N85" s="51">
        <v>4.2</v>
      </c>
      <c r="O85" s="52">
        <v>0.41159999999999997</v>
      </c>
      <c r="P85" s="115">
        <v>0.25</v>
      </c>
      <c r="Q85" s="97">
        <v>8.9107454639762287E-2</v>
      </c>
      <c r="R85" s="115">
        <v>0.32</v>
      </c>
      <c r="S85" s="97">
        <v>9.529489093172118E-2</v>
      </c>
      <c r="T85" s="115">
        <v>0.28000000000000003</v>
      </c>
      <c r="U85" s="97">
        <v>9.2057679901707615E-2</v>
      </c>
      <c r="V85" s="96">
        <v>0.15</v>
      </c>
      <c r="W85" s="97">
        <v>7.5271270677228816E-2</v>
      </c>
    </row>
    <row r="86" spans="1:23">
      <c r="A86" s="57" t="s">
        <v>453</v>
      </c>
      <c r="B86" s="112">
        <v>83</v>
      </c>
      <c r="C86" s="47">
        <v>2.6</v>
      </c>
      <c r="D86" s="48">
        <v>0.37240000000000001</v>
      </c>
      <c r="E86" s="113">
        <v>0.65600000000000003</v>
      </c>
      <c r="F86" s="94">
        <v>0.10235173736573909</v>
      </c>
      <c r="G86" s="113">
        <v>0.188</v>
      </c>
      <c r="H86" s="94">
        <v>8.6143798073054972E-2</v>
      </c>
      <c r="I86" s="113">
        <v>0.104</v>
      </c>
      <c r="J86" s="94">
        <v>7.0228648241877717E-2</v>
      </c>
      <c r="K86" s="93">
        <v>5.1999999999999998E-2</v>
      </c>
      <c r="L86" s="94">
        <v>5.5637279711236706E-2</v>
      </c>
      <c r="M86" s="112">
        <v>101</v>
      </c>
      <c r="N86" s="47">
        <v>4</v>
      </c>
      <c r="O86" s="48">
        <v>0.37240000000000001</v>
      </c>
      <c r="P86" s="113">
        <v>0.17</v>
      </c>
      <c r="Q86" s="94">
        <v>7.5400922576348048E-2</v>
      </c>
      <c r="R86" s="113">
        <v>0.39</v>
      </c>
      <c r="S86" s="94">
        <v>9.5379811115490973E-2</v>
      </c>
      <c r="T86" s="113">
        <v>0.29000000000000004</v>
      </c>
      <c r="U86" s="94">
        <v>8.92713359851382E-2</v>
      </c>
      <c r="V86" s="93">
        <v>0.15</v>
      </c>
      <c r="W86" s="94">
        <v>7.2152102713129065E-2</v>
      </c>
    </row>
    <row r="87" spans="1:23">
      <c r="A87" s="49" t="s">
        <v>459</v>
      </c>
      <c r="B87" s="114">
        <v>37</v>
      </c>
      <c r="C87" s="51">
        <v>3.1</v>
      </c>
      <c r="D87" s="52">
        <v>0.66639999999999999</v>
      </c>
      <c r="E87" s="115">
        <v>0.60799999999999998</v>
      </c>
      <c r="F87" s="97">
        <v>0.15317800351793892</v>
      </c>
      <c r="G87" s="115">
        <v>9.2999999999999999E-2</v>
      </c>
      <c r="H87" s="97">
        <v>0.10596643972568733</v>
      </c>
      <c r="I87" s="115">
        <v>0.29899999999999999</v>
      </c>
      <c r="J87" s="97">
        <v>0.14553436587431973</v>
      </c>
      <c r="K87" s="96">
        <v>0</v>
      </c>
      <c r="L87" s="97">
        <v>6.7282405785121679E-2</v>
      </c>
      <c r="M87" s="114">
        <v>369</v>
      </c>
      <c r="N87" s="51">
        <v>3.7</v>
      </c>
      <c r="O87" s="52">
        <v>0.19600000000000001</v>
      </c>
      <c r="P87" s="115">
        <v>0.18</v>
      </c>
      <c r="Q87" s="97">
        <v>4.0078270676941391E-2</v>
      </c>
      <c r="R87" s="115">
        <v>0.30000000000000004</v>
      </c>
      <c r="S87" s="97">
        <v>4.7551671773652049E-2</v>
      </c>
      <c r="T87" s="115">
        <v>0.42000000000000004</v>
      </c>
      <c r="U87" s="97">
        <v>5.1125302561604968E-2</v>
      </c>
      <c r="V87" s="96">
        <v>0.09</v>
      </c>
      <c r="W87" s="97">
        <v>3.0277719045084098E-2</v>
      </c>
    </row>
  </sheetData>
  <mergeCells count="14">
    <mergeCell ref="M63:W63"/>
    <mergeCell ref="B63:L63"/>
    <mergeCell ref="A61:W61"/>
    <mergeCell ref="A62:W62"/>
    <mergeCell ref="AI34:AS34"/>
    <mergeCell ref="M34:W34"/>
    <mergeCell ref="B34:L34"/>
    <mergeCell ref="A4:W4"/>
    <mergeCell ref="A3:W3"/>
    <mergeCell ref="A33:AS33"/>
    <mergeCell ref="A32:AS32"/>
    <mergeCell ref="X34:AH34"/>
    <mergeCell ref="B5:L5"/>
    <mergeCell ref="M5:W5"/>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G174"/>
  <sheetViews>
    <sheetView zoomScaleNormal="100" zoomScalePageLayoutView="75" workbookViewId="0">
      <selection activeCell="A149" sqref="A149:W149"/>
    </sheetView>
  </sheetViews>
  <sheetFormatPr defaultColWidth="22.85546875" defaultRowHeight="15"/>
  <cols>
    <col min="1" max="1" width="40" customWidth="1"/>
  </cols>
  <sheetData>
    <row r="1" spans="1:6" ht="31.5">
      <c r="A1" s="33" t="s">
        <v>42</v>
      </c>
    </row>
    <row r="3" spans="1:6" ht="18.75">
      <c r="A3" s="321" t="s">
        <v>1</v>
      </c>
      <c r="B3" s="321"/>
      <c r="C3" s="321"/>
      <c r="D3" s="321"/>
    </row>
    <row r="4" spans="1:6" ht="201" customHeight="1">
      <c r="A4" s="346" t="s">
        <v>210</v>
      </c>
      <c r="B4" s="346"/>
      <c r="C4" s="346"/>
      <c r="D4" s="346"/>
      <c r="F4" s="229"/>
    </row>
    <row r="5" spans="1:6" ht="34.5" customHeight="1">
      <c r="A5" s="347" t="s">
        <v>122</v>
      </c>
      <c r="B5" s="348"/>
      <c r="C5" s="348"/>
      <c r="D5" s="348"/>
    </row>
    <row r="6" spans="1:6" ht="43.5" customHeight="1">
      <c r="A6" s="37" t="s">
        <v>85</v>
      </c>
      <c r="B6" s="38" t="s">
        <v>86</v>
      </c>
      <c r="C6" s="39" t="s">
        <v>87</v>
      </c>
      <c r="D6" s="40" t="s">
        <v>88</v>
      </c>
    </row>
    <row r="7" spans="1:6" ht="56.25" customHeight="1">
      <c r="A7" s="41"/>
      <c r="B7" s="42" t="s">
        <v>89</v>
      </c>
      <c r="C7" s="43" t="s">
        <v>123</v>
      </c>
      <c r="D7" s="44" t="s">
        <v>91</v>
      </c>
    </row>
    <row r="8" spans="1:6">
      <c r="A8" s="45" t="s">
        <v>434</v>
      </c>
      <c r="B8" s="83">
        <v>10585</v>
      </c>
      <c r="C8" s="84">
        <v>4.2</v>
      </c>
      <c r="D8" s="85">
        <v>1.9599999999999999E-2</v>
      </c>
    </row>
    <row r="9" spans="1:6">
      <c r="A9" s="49" t="s">
        <v>435</v>
      </c>
      <c r="B9" s="119">
        <v>7673</v>
      </c>
      <c r="C9" s="120">
        <v>4.0990636879316202</v>
      </c>
      <c r="D9" s="121">
        <v>2.3820489802410118E-2</v>
      </c>
    </row>
    <row r="10" spans="1:6">
      <c r="A10" s="45" t="s">
        <v>436</v>
      </c>
      <c r="B10" s="83">
        <v>1949</v>
      </c>
      <c r="C10" s="84">
        <v>4.16</v>
      </c>
      <c r="D10" s="85">
        <v>5.8799999999999998E-2</v>
      </c>
    </row>
    <row r="11" spans="1:6">
      <c r="A11" s="49" t="s">
        <v>437</v>
      </c>
      <c r="B11" s="119">
        <v>3032</v>
      </c>
      <c r="C11" s="120">
        <v>4.2</v>
      </c>
      <c r="D11" s="121">
        <v>3.9199999999999999E-2</v>
      </c>
    </row>
    <row r="12" spans="1:6">
      <c r="A12" s="45" t="s">
        <v>438</v>
      </c>
      <c r="B12" s="83">
        <v>2443</v>
      </c>
      <c r="C12" s="84">
        <v>4.29</v>
      </c>
      <c r="D12" s="85">
        <v>3.9199999999999999E-2</v>
      </c>
    </row>
    <row r="13" spans="1:6">
      <c r="A13" s="49" t="s">
        <v>449</v>
      </c>
      <c r="B13" s="119">
        <v>286</v>
      </c>
      <c r="C13" s="120">
        <v>4.2</v>
      </c>
      <c r="D13" s="121">
        <v>0.13720000000000002</v>
      </c>
    </row>
    <row r="14" spans="1:6">
      <c r="A14" s="45" t="s">
        <v>439</v>
      </c>
      <c r="B14" s="83">
        <v>142</v>
      </c>
      <c r="C14" s="84">
        <v>4.4000000000000004</v>
      </c>
      <c r="D14" s="85">
        <v>0.15679999999999999</v>
      </c>
    </row>
    <row r="15" spans="1:6" ht="25.5" customHeight="1">
      <c r="A15" s="49" t="s">
        <v>440</v>
      </c>
      <c r="B15" s="119">
        <v>90</v>
      </c>
      <c r="C15" s="120">
        <v>3.9</v>
      </c>
      <c r="D15" s="121">
        <v>0.25480000000000003</v>
      </c>
    </row>
    <row r="16" spans="1:6">
      <c r="A16" s="45" t="s">
        <v>475</v>
      </c>
      <c r="B16" s="83">
        <v>262</v>
      </c>
      <c r="C16" s="84">
        <v>4.0999999999999996</v>
      </c>
      <c r="D16" s="85">
        <v>0.13720000000000002</v>
      </c>
    </row>
    <row r="17" spans="1:17">
      <c r="A17" s="49" t="s">
        <v>441</v>
      </c>
      <c r="B17" s="119">
        <v>82</v>
      </c>
      <c r="C17" s="120">
        <v>4.2</v>
      </c>
      <c r="D17" s="121">
        <v>0.27440000000000003</v>
      </c>
    </row>
    <row r="18" spans="1:17" ht="25.5">
      <c r="A18" s="45" t="s">
        <v>442</v>
      </c>
      <c r="B18" s="116">
        <v>106</v>
      </c>
      <c r="C18" s="117">
        <v>3.9</v>
      </c>
      <c r="D18" s="118">
        <v>0.19600000000000001</v>
      </c>
    </row>
    <row r="19" spans="1:17">
      <c r="A19" s="49" t="s">
        <v>462</v>
      </c>
      <c r="B19" s="119">
        <v>70</v>
      </c>
      <c r="C19" s="120">
        <v>4.3</v>
      </c>
      <c r="D19" s="121">
        <v>0.21559999999999999</v>
      </c>
    </row>
    <row r="20" spans="1:17">
      <c r="A20" s="45" t="s">
        <v>450</v>
      </c>
      <c r="B20" s="83">
        <v>302</v>
      </c>
      <c r="C20" s="84">
        <v>4.3</v>
      </c>
      <c r="D20" s="85">
        <v>0.13720000000000002</v>
      </c>
    </row>
    <row r="21" spans="1:17">
      <c r="A21" s="49" t="s">
        <v>443</v>
      </c>
      <c r="B21" s="119">
        <v>156</v>
      </c>
      <c r="C21" s="120">
        <v>4.3</v>
      </c>
      <c r="D21" s="121">
        <v>0.19600000000000001</v>
      </c>
    </row>
    <row r="22" spans="1:17">
      <c r="A22" s="57" t="s">
        <v>444</v>
      </c>
      <c r="B22" s="116">
        <v>146</v>
      </c>
      <c r="C22" s="117">
        <v>4.4000000000000004</v>
      </c>
      <c r="D22" s="118">
        <v>0.1764</v>
      </c>
    </row>
    <row r="23" spans="1:17">
      <c r="A23" s="49" t="s">
        <v>451</v>
      </c>
      <c r="B23" s="119">
        <v>92</v>
      </c>
      <c r="C23" s="120">
        <v>4</v>
      </c>
      <c r="D23" s="121">
        <v>0.21559999999999999</v>
      </c>
    </row>
    <row r="24" spans="1:17">
      <c r="A24" s="57" t="s">
        <v>452</v>
      </c>
      <c r="B24" s="116">
        <v>317</v>
      </c>
      <c r="C24" s="117">
        <v>4.3</v>
      </c>
      <c r="D24" s="118">
        <v>0.1176</v>
      </c>
    </row>
    <row r="25" spans="1:17">
      <c r="A25" s="49" t="s">
        <v>445</v>
      </c>
      <c r="B25" s="119">
        <v>102</v>
      </c>
      <c r="C25" s="120">
        <v>4.2</v>
      </c>
      <c r="D25" s="121">
        <v>0.21559999999999999</v>
      </c>
    </row>
    <row r="26" spans="1:17">
      <c r="A26" s="57" t="s">
        <v>446</v>
      </c>
      <c r="B26" s="116">
        <v>120</v>
      </c>
      <c r="C26" s="117">
        <v>4.5</v>
      </c>
      <c r="D26" s="118">
        <v>0.1764</v>
      </c>
    </row>
    <row r="27" spans="1:17">
      <c r="A27" s="49" t="s">
        <v>447</v>
      </c>
      <c r="B27" s="119">
        <v>95</v>
      </c>
      <c r="C27" s="120">
        <v>4.3</v>
      </c>
      <c r="D27" s="121">
        <v>0.23519999999999999</v>
      </c>
    </row>
    <row r="28" spans="1:17">
      <c r="A28" s="57" t="s">
        <v>453</v>
      </c>
      <c r="B28" s="116">
        <v>98</v>
      </c>
      <c r="C28" s="117">
        <v>3.9</v>
      </c>
      <c r="D28" s="118">
        <v>0.21559999999999999</v>
      </c>
    </row>
    <row r="29" spans="1:17">
      <c r="A29" s="49" t="s">
        <v>459</v>
      </c>
      <c r="B29" s="119">
        <v>368</v>
      </c>
      <c r="C29" s="120">
        <v>4.2</v>
      </c>
      <c r="D29" s="121">
        <v>0.1176</v>
      </c>
    </row>
    <row r="32" spans="1:17" ht="18.75">
      <c r="A32" s="321" t="s">
        <v>35</v>
      </c>
      <c r="B32" s="321"/>
      <c r="C32" s="321"/>
      <c r="D32" s="321"/>
      <c r="E32" s="321"/>
      <c r="F32" s="321"/>
      <c r="G32" s="321"/>
      <c r="H32" s="321"/>
      <c r="I32" s="321"/>
      <c r="J32" s="321"/>
      <c r="K32" s="321"/>
      <c r="L32" s="321"/>
      <c r="M32" s="321"/>
      <c r="N32" s="321"/>
      <c r="O32" s="321"/>
      <c r="P32" s="321"/>
      <c r="Q32" s="321"/>
    </row>
    <row r="33" spans="1:17" ht="58.5" customHeight="1">
      <c r="A33" s="349" t="s">
        <v>211</v>
      </c>
      <c r="B33" s="349"/>
      <c r="C33" s="349"/>
      <c r="D33" s="349"/>
      <c r="E33" s="349"/>
      <c r="F33" s="349"/>
      <c r="G33" s="349"/>
      <c r="H33" s="349"/>
      <c r="I33" s="349"/>
      <c r="J33" s="349"/>
      <c r="K33" s="349"/>
      <c r="L33" s="349"/>
      <c r="M33" s="349"/>
      <c r="N33" s="349"/>
      <c r="O33" s="349"/>
      <c r="P33" s="349"/>
      <c r="Q33" s="349"/>
    </row>
    <row r="34" spans="1:17" ht="39" customHeight="1">
      <c r="A34" s="109"/>
      <c r="B34" s="348" t="s">
        <v>124</v>
      </c>
      <c r="C34" s="348"/>
      <c r="D34" s="348"/>
      <c r="E34" s="348"/>
      <c r="F34" s="348"/>
      <c r="G34" s="348"/>
      <c r="H34" s="348"/>
      <c r="I34" s="348" t="s">
        <v>327</v>
      </c>
      <c r="J34" s="348"/>
      <c r="K34" s="348"/>
      <c r="L34" s="348"/>
      <c r="M34" s="348"/>
      <c r="N34" s="348"/>
      <c r="O34" s="348"/>
      <c r="P34" s="348"/>
      <c r="Q34" s="348"/>
    </row>
    <row r="35" spans="1:17" ht="39.75" customHeight="1">
      <c r="A35" s="37" t="s">
        <v>85</v>
      </c>
      <c r="B35" s="38" t="s">
        <v>86</v>
      </c>
      <c r="C35" s="38" t="s">
        <v>196</v>
      </c>
      <c r="D35" s="89" t="s">
        <v>125</v>
      </c>
      <c r="E35" s="38" t="s">
        <v>212</v>
      </c>
      <c r="F35" s="89" t="s">
        <v>126</v>
      </c>
      <c r="G35" s="38" t="s">
        <v>214</v>
      </c>
      <c r="H35" s="89" t="s">
        <v>127</v>
      </c>
      <c r="I35" s="65" t="s">
        <v>86</v>
      </c>
      <c r="J35" s="65" t="s">
        <v>197</v>
      </c>
      <c r="K35" s="88" t="s">
        <v>128</v>
      </c>
      <c r="L35" s="65" t="s">
        <v>198</v>
      </c>
      <c r="M35" s="88" t="s">
        <v>129</v>
      </c>
      <c r="N35" s="65" t="s">
        <v>199</v>
      </c>
      <c r="O35" s="88" t="s">
        <v>130</v>
      </c>
      <c r="P35" s="65" t="s">
        <v>200</v>
      </c>
      <c r="Q35" s="88" t="s">
        <v>131</v>
      </c>
    </row>
    <row r="36" spans="1:17" ht="63" customHeight="1">
      <c r="A36" s="41"/>
      <c r="B36" s="42" t="s">
        <v>89</v>
      </c>
      <c r="C36" s="42" t="s">
        <v>209</v>
      </c>
      <c r="D36" s="91" t="s">
        <v>104</v>
      </c>
      <c r="E36" s="42" t="s">
        <v>213</v>
      </c>
      <c r="F36" s="91" t="s">
        <v>104</v>
      </c>
      <c r="G36" s="42" t="s">
        <v>215</v>
      </c>
      <c r="H36" s="91" t="s">
        <v>104</v>
      </c>
      <c r="I36" s="68" t="s">
        <v>89</v>
      </c>
      <c r="J36" s="68" t="s">
        <v>328</v>
      </c>
      <c r="K36" s="90" t="s">
        <v>104</v>
      </c>
      <c r="L36" s="68" t="s">
        <v>329</v>
      </c>
      <c r="M36" s="90" t="s">
        <v>104</v>
      </c>
      <c r="N36" s="68" t="s">
        <v>330</v>
      </c>
      <c r="O36" s="90" t="s">
        <v>104</v>
      </c>
      <c r="P36" s="68" t="s">
        <v>331</v>
      </c>
      <c r="Q36" s="90" t="s">
        <v>104</v>
      </c>
    </row>
    <row r="37" spans="1:17">
      <c r="A37" s="45" t="s">
        <v>434</v>
      </c>
      <c r="B37" s="122">
        <v>7941</v>
      </c>
      <c r="C37" s="123">
        <v>0.36</v>
      </c>
      <c r="D37" s="94">
        <v>1.0770673903927353E-2</v>
      </c>
      <c r="E37" s="123">
        <v>0.44</v>
      </c>
      <c r="F37" s="94">
        <v>1.1137984017958874E-2</v>
      </c>
      <c r="G37" s="123">
        <v>0.2</v>
      </c>
      <c r="H37" s="94">
        <v>8.9777180358180629E-3</v>
      </c>
      <c r="I37" s="124">
        <v>10570</v>
      </c>
      <c r="J37" s="123">
        <v>7.0000000000000007E-2</v>
      </c>
      <c r="K37" s="94">
        <v>4.9678315993187698E-3</v>
      </c>
      <c r="L37" s="123">
        <v>0.33</v>
      </c>
      <c r="M37" s="94">
        <v>9.1458944045153031E-3</v>
      </c>
      <c r="N37" s="123">
        <v>0.45</v>
      </c>
      <c r="O37" s="94">
        <v>9.6760834098690348E-3</v>
      </c>
      <c r="P37" s="123">
        <v>0.15</v>
      </c>
      <c r="Q37" s="94">
        <v>6.9474142141470012E-3</v>
      </c>
    </row>
    <row r="38" spans="1:17">
      <c r="A38" s="49" t="s">
        <v>435</v>
      </c>
      <c r="B38" s="49">
        <v>7384</v>
      </c>
      <c r="C38" s="126">
        <v>0.36</v>
      </c>
      <c r="D38" s="97">
        <v>1.1169347068972688E-2</v>
      </c>
      <c r="E38" s="126">
        <v>0.43</v>
      </c>
      <c r="F38" s="97">
        <v>1.1519746105406547E-2</v>
      </c>
      <c r="G38" s="126">
        <v>0.21</v>
      </c>
      <c r="H38" s="97">
        <v>9.4800117976022863E-3</v>
      </c>
      <c r="I38" s="49">
        <v>8448</v>
      </c>
      <c r="J38" s="126">
        <v>0.06</v>
      </c>
      <c r="K38" s="97">
        <v>5.174805323020947E-3</v>
      </c>
      <c r="L38" s="126">
        <v>0.32</v>
      </c>
      <c r="M38" s="97">
        <v>1.0148697109705583E-2</v>
      </c>
      <c r="N38" s="126">
        <v>0.46</v>
      </c>
      <c r="O38" s="97">
        <v>1.0842448570167662E-2</v>
      </c>
      <c r="P38" s="126">
        <v>0.16</v>
      </c>
      <c r="Q38" s="97">
        <v>7.9785974947230963E-3</v>
      </c>
    </row>
    <row r="39" spans="1:17">
      <c r="A39" s="45" t="s">
        <v>436</v>
      </c>
      <c r="B39" s="53">
        <v>709</v>
      </c>
      <c r="C39" s="123">
        <v>0.33600000000000002</v>
      </c>
      <c r="D39" s="94">
        <v>3.5402310674731388E-2</v>
      </c>
      <c r="E39" s="123">
        <v>0.42</v>
      </c>
      <c r="F39" s="94">
        <v>3.6973255777585964E-2</v>
      </c>
      <c r="G39" s="123">
        <v>0.24399999999999999</v>
      </c>
      <c r="H39" s="94">
        <v>3.2233132550217612E-2</v>
      </c>
      <c r="I39" s="53">
        <v>1949</v>
      </c>
      <c r="J39" s="123">
        <v>8.3000000000000004E-2</v>
      </c>
      <c r="K39" s="94">
        <v>1.2543631215236904E-2</v>
      </c>
      <c r="L39" s="123">
        <v>0.35</v>
      </c>
      <c r="M39" s="94">
        <v>2.1590238426645487E-2</v>
      </c>
      <c r="N39" s="123">
        <v>0.40500000000000003</v>
      </c>
      <c r="O39" s="94">
        <v>2.22176512358165E-2</v>
      </c>
      <c r="P39" s="123">
        <v>0.16200000000000001</v>
      </c>
      <c r="Q39" s="94">
        <v>1.6703400019908173E-2</v>
      </c>
    </row>
    <row r="40" spans="1:17">
      <c r="A40" s="49" t="s">
        <v>437</v>
      </c>
      <c r="B40" s="49">
        <v>2172</v>
      </c>
      <c r="C40" s="126">
        <v>0.35</v>
      </c>
      <c r="D40" s="97">
        <v>2.0453617028674098E-2</v>
      </c>
      <c r="E40" s="126">
        <v>0.44</v>
      </c>
      <c r="F40" s="97">
        <v>2.1282985779575492E-2</v>
      </c>
      <c r="G40" s="126">
        <v>0.22</v>
      </c>
      <c r="H40" s="97">
        <v>1.7775560012894331E-2</v>
      </c>
      <c r="I40" s="49">
        <v>3030</v>
      </c>
      <c r="J40" s="126">
        <v>0.05</v>
      </c>
      <c r="K40" s="97">
        <v>7.9578318951888122E-3</v>
      </c>
      <c r="L40" s="126">
        <v>0.31</v>
      </c>
      <c r="M40" s="97">
        <v>1.6796707038425122E-2</v>
      </c>
      <c r="N40" s="126">
        <v>0.47</v>
      </c>
      <c r="O40" s="97">
        <v>1.8122209158554125E-2</v>
      </c>
      <c r="P40" s="126">
        <v>0.17</v>
      </c>
      <c r="Q40" s="97">
        <v>1.3652961961870927E-2</v>
      </c>
    </row>
    <row r="41" spans="1:17">
      <c r="A41" s="45" t="s">
        <v>438</v>
      </c>
      <c r="B41" s="53">
        <v>2117</v>
      </c>
      <c r="C41" s="123">
        <v>0.33800000000000002</v>
      </c>
      <c r="D41" s="94">
        <v>2.0546741548713304E-2</v>
      </c>
      <c r="E41" s="123">
        <v>0.44</v>
      </c>
      <c r="F41" s="94">
        <v>2.1557180989952074E-2</v>
      </c>
      <c r="G41" s="123">
        <v>0.222</v>
      </c>
      <c r="H41" s="94">
        <v>1.8063079025605881E-2</v>
      </c>
      <c r="I41" s="53">
        <v>2441</v>
      </c>
      <c r="J41" s="123">
        <v>4.1000000000000002E-2</v>
      </c>
      <c r="K41" s="94">
        <v>8.0902658977954813E-3</v>
      </c>
      <c r="L41" s="123">
        <v>0.28999999999999998</v>
      </c>
      <c r="M41" s="94">
        <v>1.8359917952787894E-2</v>
      </c>
      <c r="N41" s="123">
        <v>0.503</v>
      </c>
      <c r="O41" s="94">
        <v>2.0223335017273553E-2</v>
      </c>
      <c r="P41" s="123">
        <v>0.16600000000000001</v>
      </c>
      <c r="Q41" s="94">
        <v>1.5069502827549795E-2</v>
      </c>
    </row>
    <row r="42" spans="1:17">
      <c r="A42" s="49" t="s">
        <v>449</v>
      </c>
      <c r="B42" s="49">
        <v>244</v>
      </c>
      <c r="C42" s="126">
        <v>0.39</v>
      </c>
      <c r="D42" s="97">
        <v>6.1994689525159616E-2</v>
      </c>
      <c r="E42" s="126">
        <v>0.39</v>
      </c>
      <c r="F42" s="97">
        <v>6.1994689525159616E-2</v>
      </c>
      <c r="G42" s="126">
        <v>0.22</v>
      </c>
      <c r="H42" s="97">
        <v>5.2992488335099168E-2</v>
      </c>
      <c r="I42" s="49">
        <v>286</v>
      </c>
      <c r="J42" s="126">
        <v>0.04</v>
      </c>
      <c r="K42" s="97">
        <v>2.4690353984756365E-2</v>
      </c>
      <c r="L42" s="126">
        <v>0.34</v>
      </c>
      <c r="M42" s="97">
        <v>5.572114518517237E-2</v>
      </c>
      <c r="N42" s="126">
        <v>0.47</v>
      </c>
      <c r="O42" s="97">
        <v>5.8619127908132444E-2</v>
      </c>
      <c r="P42" s="126">
        <v>0.14000000000000001</v>
      </c>
      <c r="Q42" s="97">
        <v>4.1348062716127454E-2</v>
      </c>
    </row>
    <row r="43" spans="1:17">
      <c r="A43" s="45" t="s">
        <v>439</v>
      </c>
      <c r="B43" s="53">
        <v>122</v>
      </c>
      <c r="C43" s="123">
        <v>0.3</v>
      </c>
      <c r="D43" s="94">
        <v>8.2134108321640892E-2</v>
      </c>
      <c r="E43" s="123">
        <v>0.46</v>
      </c>
      <c r="F43" s="94">
        <v>8.8819412793821495E-2</v>
      </c>
      <c r="G43" s="123">
        <v>0.24</v>
      </c>
      <c r="H43" s="94">
        <v>7.6971224369606989E-2</v>
      </c>
      <c r="I43" s="53">
        <v>142</v>
      </c>
      <c r="J43" s="123">
        <v>0.02</v>
      </c>
      <c r="K43" s="94">
        <v>2.9633245408271041E-2</v>
      </c>
      <c r="L43" s="123">
        <v>0.31</v>
      </c>
      <c r="M43" s="94">
        <v>7.6900751759949287E-2</v>
      </c>
      <c r="N43" s="123">
        <v>0.5</v>
      </c>
      <c r="O43" s="94">
        <v>8.2760588860236795E-2</v>
      </c>
      <c r="P43" s="123">
        <v>0.17</v>
      </c>
      <c r="Q43" s="94">
        <v>6.3458622453040847E-2</v>
      </c>
    </row>
    <row r="44" spans="1:17" ht="23.25" customHeight="1">
      <c r="A44" s="49" t="s">
        <v>440</v>
      </c>
      <c r="B44" s="49">
        <v>80</v>
      </c>
      <c r="C44" s="126">
        <v>0.57999999999999996</v>
      </c>
      <c r="D44" s="97">
        <v>0.10783475262285268</v>
      </c>
      <c r="E44" s="126">
        <v>0.24</v>
      </c>
      <c r="F44" s="97">
        <v>9.4789191481547699E-2</v>
      </c>
      <c r="G44" s="126">
        <v>0.18</v>
      </c>
      <c r="H44" s="97">
        <v>8.6498054315000322E-2</v>
      </c>
      <c r="I44" s="49">
        <v>90</v>
      </c>
      <c r="J44" s="126">
        <v>0.08</v>
      </c>
      <c r="K44" s="97">
        <v>6.1295706491255625E-2</v>
      </c>
      <c r="L44" s="126">
        <v>0.33</v>
      </c>
      <c r="M44" s="97">
        <v>9.7524081716986372E-2</v>
      </c>
      <c r="N44" s="126">
        <v>0.51</v>
      </c>
      <c r="O44" s="97">
        <v>0.10312321272434713</v>
      </c>
      <c r="P44" s="126">
        <v>0.09</v>
      </c>
      <c r="Q44" s="97">
        <v>6.3882202713031022E-2</v>
      </c>
    </row>
    <row r="45" spans="1:17">
      <c r="A45" s="45" t="s">
        <v>475</v>
      </c>
      <c r="B45" s="53">
        <v>229</v>
      </c>
      <c r="C45" s="123">
        <v>0.4</v>
      </c>
      <c r="D45" s="94">
        <v>6.4234067739476042E-2</v>
      </c>
      <c r="E45" s="123">
        <v>0.41</v>
      </c>
      <c r="F45" s="94">
        <v>6.4478858279657048E-2</v>
      </c>
      <c r="G45" s="123">
        <v>0.19</v>
      </c>
      <c r="H45" s="94">
        <v>5.1944382326339245E-2</v>
      </c>
      <c r="I45" s="53">
        <v>261</v>
      </c>
      <c r="J45" s="123">
        <v>0.04</v>
      </c>
      <c r="K45" s="94">
        <v>2.5986851182319075E-2</v>
      </c>
      <c r="L45" s="123">
        <v>0.35</v>
      </c>
      <c r="M45" s="94">
        <v>5.8686775715034674E-2</v>
      </c>
      <c r="N45" s="123">
        <v>0.5</v>
      </c>
      <c r="O45" s="94">
        <v>6.1429511683395117E-2</v>
      </c>
      <c r="P45" s="123">
        <v>0.11</v>
      </c>
      <c r="Q45" s="94">
        <v>3.9325836490344115E-2</v>
      </c>
    </row>
    <row r="46" spans="1:17">
      <c r="A46" s="49" t="s">
        <v>441</v>
      </c>
      <c r="B46" s="49">
        <v>72</v>
      </c>
      <c r="C46" s="126">
        <v>0.32</v>
      </c>
      <c r="D46" s="97">
        <v>0.10783046528384235</v>
      </c>
      <c r="E46" s="126">
        <v>0.51</v>
      </c>
      <c r="F46" s="97">
        <v>0.11468727486597245</v>
      </c>
      <c r="G46" s="126">
        <v>0.16</v>
      </c>
      <c r="H46" s="97">
        <v>8.7734107706477285E-2</v>
      </c>
      <c r="I46" s="49">
        <v>81</v>
      </c>
      <c r="J46" s="126">
        <v>0.02</v>
      </c>
      <c r="K46" s="97">
        <v>4.3804097315017852E-2</v>
      </c>
      <c r="L46" s="126">
        <v>0.42</v>
      </c>
      <c r="M46" s="97">
        <v>0.10719705437805449</v>
      </c>
      <c r="N46" s="126">
        <v>0.41</v>
      </c>
      <c r="O46" s="97">
        <v>0.10685766568883356</v>
      </c>
      <c r="P46" s="126">
        <v>0.15</v>
      </c>
      <c r="Q46" s="97">
        <v>8.0807143390664998E-2</v>
      </c>
    </row>
    <row r="47" spans="1:17" ht="25.5">
      <c r="A47" s="45" t="s">
        <v>442</v>
      </c>
      <c r="B47" s="122">
        <v>93</v>
      </c>
      <c r="C47" s="123">
        <v>0.56999999999999995</v>
      </c>
      <c r="D47" s="94">
        <v>0.10061579291577158</v>
      </c>
      <c r="E47" s="123">
        <v>0.25</v>
      </c>
      <c r="F47" s="94">
        <v>8.9107454639762287E-2</v>
      </c>
      <c r="G47" s="123">
        <v>0.18</v>
      </c>
      <c r="H47" s="94">
        <v>8.0172810691492416E-2</v>
      </c>
      <c r="I47" s="124">
        <v>106</v>
      </c>
      <c r="J47" s="123">
        <v>0.05</v>
      </c>
      <c r="K47" s="94">
        <v>4.7466544824072539E-2</v>
      </c>
      <c r="L47" s="123">
        <v>0.38</v>
      </c>
      <c r="M47" s="94">
        <v>9.276132254436821E-2</v>
      </c>
      <c r="N47" s="123">
        <v>0.48</v>
      </c>
      <c r="O47" s="94">
        <v>9.5275402145277785E-2</v>
      </c>
      <c r="P47" s="123">
        <v>0.09</v>
      </c>
      <c r="Q47" s="94">
        <v>5.8435099525018977E-2</v>
      </c>
    </row>
    <row r="48" spans="1:17">
      <c r="A48" s="49" t="s">
        <v>462</v>
      </c>
      <c r="B48" s="125">
        <v>64</v>
      </c>
      <c r="C48" s="126">
        <v>0.3</v>
      </c>
      <c r="D48" s="97">
        <v>0.1123459661959282</v>
      </c>
      <c r="E48" s="126">
        <v>0.47</v>
      </c>
      <c r="F48" s="97">
        <v>0.12107430100029971</v>
      </c>
      <c r="G48" s="126">
        <v>0.23</v>
      </c>
      <c r="H48" s="97">
        <v>0.10443805410055768</v>
      </c>
      <c r="I48" s="127">
        <v>70</v>
      </c>
      <c r="J48" s="126">
        <v>0.04</v>
      </c>
      <c r="K48" s="97">
        <v>5.7260624729166813E-2</v>
      </c>
      <c r="L48" s="126">
        <v>0.28000000000000003</v>
      </c>
      <c r="M48" s="97">
        <v>0.10569998730206884</v>
      </c>
      <c r="N48" s="126">
        <v>0.59</v>
      </c>
      <c r="O48" s="97">
        <v>0.11455012092329604</v>
      </c>
      <c r="P48" s="126">
        <v>0.09</v>
      </c>
      <c r="Q48" s="97">
        <v>7.3367572018245827E-2</v>
      </c>
    </row>
    <row r="49" spans="1:17">
      <c r="A49" s="45" t="s">
        <v>450</v>
      </c>
      <c r="B49" s="83">
        <v>214</v>
      </c>
      <c r="C49" s="98">
        <v>0.25</v>
      </c>
      <c r="D49" s="94">
        <v>5.9009023720108786E-2</v>
      </c>
      <c r="E49" s="98">
        <v>0.41</v>
      </c>
      <c r="F49" s="94">
        <v>6.6662854416523462E-2</v>
      </c>
      <c r="G49" s="98">
        <v>0.34</v>
      </c>
      <c r="H49" s="94">
        <v>6.4300160619907731E-2</v>
      </c>
      <c r="I49" s="83">
        <v>302</v>
      </c>
      <c r="J49" s="98">
        <v>0.05</v>
      </c>
      <c r="K49" s="94">
        <v>2.6261509290371927E-2</v>
      </c>
      <c r="L49" s="98">
        <v>0.31</v>
      </c>
      <c r="M49" s="94">
        <v>5.2993725400194494E-2</v>
      </c>
      <c r="N49" s="98">
        <v>0.46</v>
      </c>
      <c r="O49" s="94">
        <v>5.698773594313692E-2</v>
      </c>
      <c r="P49" s="98">
        <v>0.17</v>
      </c>
      <c r="Q49" s="94">
        <v>4.3375311582151063E-2</v>
      </c>
    </row>
    <row r="50" spans="1:17">
      <c r="A50" s="49" t="s">
        <v>443</v>
      </c>
      <c r="B50" s="125">
        <v>100</v>
      </c>
      <c r="C50" s="126">
        <v>0.2</v>
      </c>
      <c r="D50" s="97">
        <v>8.0093680925334684E-2</v>
      </c>
      <c r="E50" s="126">
        <v>0.43</v>
      </c>
      <c r="F50" s="97">
        <v>9.716553570626324E-2</v>
      </c>
      <c r="G50" s="126">
        <v>0.36</v>
      </c>
      <c r="H50" s="97">
        <v>9.4437341503171388E-2</v>
      </c>
      <c r="I50" s="127">
        <v>156</v>
      </c>
      <c r="J50" s="126">
        <v>7.0000000000000007E-2</v>
      </c>
      <c r="K50" s="97">
        <v>4.3078253649608413E-2</v>
      </c>
      <c r="L50" s="126">
        <v>0.35</v>
      </c>
      <c r="M50" s="97">
        <v>7.5599427494525376E-2</v>
      </c>
      <c r="N50" s="126">
        <v>0.39</v>
      </c>
      <c r="O50" s="97">
        <v>7.7216811236284558E-2</v>
      </c>
      <c r="P50" s="126">
        <v>0.19</v>
      </c>
      <c r="Q50" s="97">
        <v>6.2977166000860979E-2</v>
      </c>
    </row>
    <row r="51" spans="1:17">
      <c r="A51" s="57" t="s">
        <v>444</v>
      </c>
      <c r="B51" s="122">
        <v>114</v>
      </c>
      <c r="C51" s="123">
        <v>0.27</v>
      </c>
      <c r="D51" s="94">
        <v>8.246738513976834E-2</v>
      </c>
      <c r="E51" s="123">
        <v>0.39</v>
      </c>
      <c r="F51" s="94">
        <v>8.9954119177687364E-2</v>
      </c>
      <c r="G51" s="123">
        <v>0.33</v>
      </c>
      <c r="H51" s="94">
        <v>8.6949452135361552E-2</v>
      </c>
      <c r="I51" s="124">
        <v>146</v>
      </c>
      <c r="J51" s="123">
        <v>0.03</v>
      </c>
      <c r="K51" s="94">
        <v>3.2954210207048966E-2</v>
      </c>
      <c r="L51" s="123">
        <v>0.28000000000000003</v>
      </c>
      <c r="M51" s="94">
        <v>7.3782909593944221E-2</v>
      </c>
      <c r="N51" s="123">
        <v>0.52</v>
      </c>
      <c r="O51" s="94">
        <v>8.1587752167244468E-2</v>
      </c>
      <c r="P51" s="123">
        <v>0.17</v>
      </c>
      <c r="Q51" s="94">
        <v>6.2573809217595186E-2</v>
      </c>
    </row>
    <row r="52" spans="1:17">
      <c r="A52" s="49" t="s">
        <v>451</v>
      </c>
      <c r="B52" s="125">
        <v>71</v>
      </c>
      <c r="C52" s="126">
        <v>0.4</v>
      </c>
      <c r="D52" s="97">
        <v>0.11338153223453921</v>
      </c>
      <c r="E52" s="126">
        <v>0.45</v>
      </c>
      <c r="F52" s="97">
        <v>0.11495148090808993</v>
      </c>
      <c r="G52" s="126">
        <v>0.15</v>
      </c>
      <c r="H52" s="97">
        <v>8.6477194595946424E-2</v>
      </c>
      <c r="I52" s="127">
        <v>92</v>
      </c>
      <c r="J52" s="126">
        <v>0.05</v>
      </c>
      <c r="K52" s="97">
        <v>5.1649232609659042E-2</v>
      </c>
      <c r="L52" s="126">
        <v>0.43</v>
      </c>
      <c r="M52" s="97">
        <v>0.1011393070614505</v>
      </c>
      <c r="N52" s="126">
        <v>0.44</v>
      </c>
      <c r="O52" s="97">
        <v>0.10138494094292308</v>
      </c>
      <c r="P52" s="126">
        <v>0.09</v>
      </c>
      <c r="Q52" s="97">
        <v>6.3119098092269038E-2</v>
      </c>
    </row>
    <row r="53" spans="1:17">
      <c r="A53" s="57" t="s">
        <v>452</v>
      </c>
      <c r="B53" s="122">
        <v>265</v>
      </c>
      <c r="C53" s="123">
        <v>0.35</v>
      </c>
      <c r="D53" s="94">
        <v>5.824753866884224E-2</v>
      </c>
      <c r="E53" s="123">
        <v>0.46</v>
      </c>
      <c r="F53" s="94">
        <v>6.0781433021683186E-2</v>
      </c>
      <c r="G53" s="123">
        <v>0.19</v>
      </c>
      <c r="H53" s="94">
        <v>4.8276887810316096E-2</v>
      </c>
      <c r="I53" s="124">
        <v>317</v>
      </c>
      <c r="J53" s="123">
        <v>0.03</v>
      </c>
      <c r="K53" s="94">
        <v>2.0755510484249586E-2</v>
      </c>
      <c r="L53" s="123">
        <v>0.26</v>
      </c>
      <c r="M53" s="94">
        <v>4.9145542640680086E-2</v>
      </c>
      <c r="N53" s="123">
        <v>0.54</v>
      </c>
      <c r="O53" s="94">
        <v>5.56401015141606E-2</v>
      </c>
      <c r="P53" s="123">
        <v>0.17</v>
      </c>
      <c r="Q53" s="94">
        <v>4.2330417970771084E-2</v>
      </c>
    </row>
    <row r="54" spans="1:17">
      <c r="A54" s="49" t="s">
        <v>445</v>
      </c>
      <c r="B54" s="125">
        <v>85</v>
      </c>
      <c r="C54" s="126">
        <v>0.42</v>
      </c>
      <c r="D54" s="97">
        <v>0.10475489921518354</v>
      </c>
      <c r="E54" s="126">
        <v>0.41</v>
      </c>
      <c r="F54" s="97">
        <v>0.1044217309849514</v>
      </c>
      <c r="G54" s="126">
        <v>0.17</v>
      </c>
      <c r="H54" s="97">
        <v>8.2289920968478383E-2</v>
      </c>
      <c r="I54" s="127">
        <v>102</v>
      </c>
      <c r="J54" s="126">
        <v>0.03</v>
      </c>
      <c r="K54" s="97">
        <v>4.1416949302050705E-2</v>
      </c>
      <c r="L54" s="126">
        <v>0.32</v>
      </c>
      <c r="M54" s="97">
        <v>9.1114513394257676E-2</v>
      </c>
      <c r="N54" s="126">
        <v>0.45</v>
      </c>
      <c r="O54" s="97">
        <v>9.6677858240365788E-2</v>
      </c>
      <c r="P54" s="126">
        <v>0.21</v>
      </c>
      <c r="Q54" s="97">
        <v>8.0593883351022397E-2</v>
      </c>
    </row>
    <row r="55" spans="1:17">
      <c r="A55" s="57" t="s">
        <v>446</v>
      </c>
      <c r="B55" s="122">
        <v>102</v>
      </c>
      <c r="C55" s="123">
        <v>0.28000000000000003</v>
      </c>
      <c r="D55" s="94">
        <v>8.7993119127290895E-2</v>
      </c>
      <c r="E55" s="123">
        <v>0.5</v>
      </c>
      <c r="F55" s="94">
        <v>9.7128586235726413E-2</v>
      </c>
      <c r="G55" s="123">
        <v>0.23</v>
      </c>
      <c r="H55" s="94">
        <v>8.2986263379695169E-2</v>
      </c>
      <c r="I55" s="124">
        <v>120</v>
      </c>
      <c r="J55" s="123">
        <v>0.02</v>
      </c>
      <c r="K55" s="94">
        <v>3.3226867222895903E-2</v>
      </c>
      <c r="L55" s="123">
        <v>0.18</v>
      </c>
      <c r="M55" s="94">
        <v>7.0505066379778783E-2</v>
      </c>
      <c r="N55" s="123">
        <v>0.67</v>
      </c>
      <c r="O55" s="94">
        <v>8.4802321044057521E-2</v>
      </c>
      <c r="P55" s="123">
        <v>0.14000000000000001</v>
      </c>
      <c r="Q55" s="94">
        <v>6.4414592316229771E-2</v>
      </c>
    </row>
    <row r="56" spans="1:17">
      <c r="A56" s="49" t="s">
        <v>447</v>
      </c>
      <c r="B56" s="125">
        <v>78</v>
      </c>
      <c r="C56" s="126">
        <v>0.35</v>
      </c>
      <c r="D56" s="97">
        <v>0.10583963534205051</v>
      </c>
      <c r="E56" s="126">
        <v>0.48</v>
      </c>
      <c r="F56" s="97">
        <v>0.11035156072715692</v>
      </c>
      <c r="G56" s="126">
        <v>0.17</v>
      </c>
      <c r="H56" s="97">
        <v>8.595667052948304E-2</v>
      </c>
      <c r="I56" s="127">
        <v>95</v>
      </c>
      <c r="J56" s="126">
        <v>0.05</v>
      </c>
      <c r="K56" s="97">
        <v>5.0665493547519341E-2</v>
      </c>
      <c r="L56" s="126">
        <v>0.28999999999999998</v>
      </c>
      <c r="M56" s="97">
        <v>9.1979717507286479E-2</v>
      </c>
      <c r="N56" s="126">
        <v>0.49</v>
      </c>
      <c r="O56" s="97">
        <v>0.10048527055425047</v>
      </c>
      <c r="P56" s="126">
        <v>0.17</v>
      </c>
      <c r="Q56" s="97">
        <v>7.7777777777777779E-2</v>
      </c>
    </row>
    <row r="57" spans="1:17">
      <c r="A57" s="57" t="s">
        <v>453</v>
      </c>
      <c r="B57" s="122">
        <v>61</v>
      </c>
      <c r="C57" s="123">
        <v>0.47</v>
      </c>
      <c r="D57" s="94">
        <v>0.12383794893619161</v>
      </c>
      <c r="E57" s="123">
        <v>0.46</v>
      </c>
      <c r="F57" s="94">
        <v>0.12368467697031349</v>
      </c>
      <c r="G57" s="123">
        <v>7.0000000000000007E-2</v>
      </c>
      <c r="H57" s="94">
        <v>7.3235850850489725E-2</v>
      </c>
      <c r="I57" s="124">
        <v>98</v>
      </c>
      <c r="J57" s="123">
        <v>0.14000000000000001</v>
      </c>
      <c r="K57" s="94">
        <v>7.1500828988441331E-2</v>
      </c>
      <c r="L57" s="123">
        <v>0.26</v>
      </c>
      <c r="M57" s="94">
        <v>8.7856626909524574E-2</v>
      </c>
      <c r="N57" s="123">
        <v>0.55000000000000004</v>
      </c>
      <c r="O57" s="94">
        <v>9.8556688923773977E-2</v>
      </c>
      <c r="P57" s="123">
        <v>0.06</v>
      </c>
      <c r="Q57" s="94">
        <v>5.2872982123017588E-2</v>
      </c>
    </row>
    <row r="58" spans="1:17">
      <c r="A58" s="49" t="s">
        <v>459</v>
      </c>
      <c r="B58" s="125">
        <v>33</v>
      </c>
      <c r="C58" s="126">
        <v>0.21</v>
      </c>
      <c r="D58" s="97">
        <v>0.14069360098098851</v>
      </c>
      <c r="E58" s="126">
        <v>0.47</v>
      </c>
      <c r="F58" s="97">
        <v>0.16416342416739246</v>
      </c>
      <c r="G58" s="126">
        <v>0.33</v>
      </c>
      <c r="H58" s="97">
        <v>0.15665796236933294</v>
      </c>
      <c r="I58" s="127">
        <v>368</v>
      </c>
      <c r="J58" s="126">
        <v>7.0000000000000007E-2</v>
      </c>
      <c r="K58" s="97">
        <v>2.7249339716181317E-2</v>
      </c>
      <c r="L58" s="126">
        <v>0.34</v>
      </c>
      <c r="M58" s="97">
        <v>4.9181207372859304E-2</v>
      </c>
      <c r="N58" s="126">
        <v>0.42</v>
      </c>
      <c r="O58" s="97">
        <v>5.1194011582616883E-2</v>
      </c>
      <c r="P58" s="126">
        <v>0.17</v>
      </c>
      <c r="Q58" s="97">
        <v>3.9271503859762462E-2</v>
      </c>
    </row>
    <row r="61" spans="1:17" ht="18.75">
      <c r="A61" s="321" t="s">
        <v>36</v>
      </c>
      <c r="B61" s="321"/>
      <c r="C61" s="321"/>
      <c r="D61" s="321"/>
      <c r="E61" s="321"/>
      <c r="F61" s="321"/>
      <c r="G61" s="321"/>
      <c r="H61" s="321"/>
    </row>
    <row r="62" spans="1:17" ht="69.75" customHeight="1">
      <c r="A62" s="352" t="s">
        <v>391</v>
      </c>
      <c r="B62" s="352"/>
      <c r="C62" s="352"/>
      <c r="D62" s="352"/>
      <c r="E62" s="352"/>
      <c r="F62" s="352"/>
      <c r="G62" s="352"/>
      <c r="H62" s="352"/>
    </row>
    <row r="63" spans="1:17" ht="40.5" customHeight="1">
      <c r="A63" s="109"/>
      <c r="B63" s="350" t="s">
        <v>408</v>
      </c>
      <c r="C63" s="351"/>
      <c r="D63" s="351"/>
      <c r="E63" s="351"/>
      <c r="F63" s="351"/>
      <c r="G63" s="351"/>
      <c r="H63" s="351"/>
    </row>
    <row r="64" spans="1:17" ht="39" customHeight="1">
      <c r="A64" s="37" t="s">
        <v>85</v>
      </c>
      <c r="B64" s="38" t="s">
        <v>86</v>
      </c>
      <c r="C64" s="65" t="s">
        <v>219</v>
      </c>
      <c r="D64" s="88" t="s">
        <v>132</v>
      </c>
      <c r="E64" s="65" t="s">
        <v>220</v>
      </c>
      <c r="F64" s="88" t="s">
        <v>332</v>
      </c>
      <c r="G64" s="65" t="s">
        <v>221</v>
      </c>
      <c r="H64" s="88" t="s">
        <v>333</v>
      </c>
    </row>
    <row r="65" spans="1:8" ht="60">
      <c r="A65" s="41"/>
      <c r="B65" s="42" t="s">
        <v>89</v>
      </c>
      <c r="C65" s="273" t="s">
        <v>201</v>
      </c>
      <c r="D65" s="90" t="s">
        <v>104</v>
      </c>
      <c r="E65" s="68" t="s">
        <v>216</v>
      </c>
      <c r="F65" s="90" t="s">
        <v>104</v>
      </c>
      <c r="G65" s="68" t="s">
        <v>217</v>
      </c>
      <c r="H65" s="90" t="s">
        <v>104</v>
      </c>
    </row>
    <row r="66" spans="1:8">
      <c r="A66" s="45" t="s">
        <v>434</v>
      </c>
      <c r="B66" s="129">
        <v>8997</v>
      </c>
      <c r="C66" s="123">
        <v>0.56000000000000005</v>
      </c>
      <c r="D66" s="94">
        <v>1.0464242263632699E-2</v>
      </c>
      <c r="E66" s="123">
        <v>0.22</v>
      </c>
      <c r="F66" s="94">
        <v>8.7343661825739962E-3</v>
      </c>
      <c r="G66" s="123">
        <v>0.22</v>
      </c>
      <c r="H66" s="94">
        <v>8.7343661825739962E-3</v>
      </c>
    </row>
    <row r="67" spans="1:8">
      <c r="A67" s="49" t="s">
        <v>435</v>
      </c>
      <c r="B67" s="49">
        <v>8387</v>
      </c>
      <c r="C67" s="126">
        <v>0.56000000000000005</v>
      </c>
      <c r="D67" s="97">
        <v>1.0837934223118812E-2</v>
      </c>
      <c r="E67" s="126">
        <v>0.22</v>
      </c>
      <c r="F67" s="97">
        <v>9.0464111124660667E-3</v>
      </c>
      <c r="G67" s="126">
        <v>0.22</v>
      </c>
      <c r="H67" s="97">
        <v>9.0464111124660667E-3</v>
      </c>
    </row>
    <row r="68" spans="1:8">
      <c r="A68" s="45" t="s">
        <v>436</v>
      </c>
      <c r="B68" s="53">
        <v>802</v>
      </c>
      <c r="C68" s="123">
        <v>0.47499999999999998</v>
      </c>
      <c r="D68" s="94">
        <v>3.5179877233827088E-2</v>
      </c>
      <c r="E68" s="123">
        <v>0.246</v>
      </c>
      <c r="F68" s="94">
        <v>3.0392206159740576E-2</v>
      </c>
      <c r="G68" s="123">
        <v>0.28000000000000003</v>
      </c>
      <c r="H68" s="94">
        <v>3.1668193291585024E-2</v>
      </c>
    </row>
    <row r="69" spans="1:8">
      <c r="A69" s="49" t="s">
        <v>437</v>
      </c>
      <c r="B69" s="49">
        <v>2483</v>
      </c>
      <c r="C69" s="126">
        <v>0.59</v>
      </c>
      <c r="D69" s="97">
        <v>1.9725744631391595E-2</v>
      </c>
      <c r="E69" s="126">
        <v>0.21</v>
      </c>
      <c r="F69" s="97">
        <v>1.6348157646722875E-2</v>
      </c>
      <c r="G69" s="126">
        <v>0.2</v>
      </c>
      <c r="H69" s="97">
        <v>1.605625778111603E-2</v>
      </c>
    </row>
    <row r="70" spans="1:8">
      <c r="A70" s="45" t="s">
        <v>438</v>
      </c>
      <c r="B70" s="53">
        <v>2422</v>
      </c>
      <c r="C70" s="123">
        <v>0.59099999999999997</v>
      </c>
      <c r="D70" s="94">
        <v>1.9964778755340626E-2</v>
      </c>
      <c r="E70" s="123">
        <v>0.217</v>
      </c>
      <c r="F70" s="94">
        <v>1.6750675664014031E-2</v>
      </c>
      <c r="G70" s="123">
        <v>0.192</v>
      </c>
      <c r="H70" s="94">
        <v>1.6009506991546126E-2</v>
      </c>
    </row>
    <row r="71" spans="1:8">
      <c r="A71" s="49" t="s">
        <v>449</v>
      </c>
      <c r="B71" s="49">
        <v>279</v>
      </c>
      <c r="C71" s="126">
        <v>0.61</v>
      </c>
      <c r="D71" s="97">
        <v>5.8028825803721269E-2</v>
      </c>
      <c r="E71" s="126">
        <v>0.19</v>
      </c>
      <c r="F71" s="97">
        <v>4.7046688956820994E-2</v>
      </c>
      <c r="G71" s="126">
        <v>0.2</v>
      </c>
      <c r="H71" s="97">
        <v>4.7929009578847437E-2</v>
      </c>
    </row>
    <row r="72" spans="1:8">
      <c r="A72" s="45" t="s">
        <v>439</v>
      </c>
      <c r="B72" s="53">
        <v>140</v>
      </c>
      <c r="C72" s="123">
        <v>0.6</v>
      </c>
      <c r="D72" s="94">
        <v>8.1742794365785076E-2</v>
      </c>
      <c r="E72" s="123">
        <v>0.18</v>
      </c>
      <c r="F72" s="94">
        <v>6.5236722051142726E-2</v>
      </c>
      <c r="G72" s="123">
        <v>0.23</v>
      </c>
      <c r="H72" s="94">
        <v>7.0925185543955008E-2</v>
      </c>
    </row>
    <row r="73" spans="1:8" ht="25.5" customHeight="1">
      <c r="A73" s="49" t="s">
        <v>440</v>
      </c>
      <c r="B73" s="49">
        <v>90</v>
      </c>
      <c r="C73" s="126">
        <v>0.61</v>
      </c>
      <c r="D73" s="97">
        <v>0.10082803495384431</v>
      </c>
      <c r="E73" s="126">
        <v>0.22</v>
      </c>
      <c r="F73" s="97">
        <v>8.7063287261336997E-2</v>
      </c>
      <c r="G73" s="126">
        <v>0.17</v>
      </c>
      <c r="H73" s="97">
        <v>7.993904374684159E-2</v>
      </c>
    </row>
    <row r="74" spans="1:8">
      <c r="A74" s="45" t="s">
        <v>475</v>
      </c>
      <c r="B74" s="53">
        <v>249</v>
      </c>
      <c r="C74" s="123">
        <v>0.55000000000000004</v>
      </c>
      <c r="D74" s="94">
        <v>6.2564234371330643E-2</v>
      </c>
      <c r="E74" s="123">
        <v>0.16</v>
      </c>
      <c r="F74" s="94">
        <v>4.6714411117314524E-2</v>
      </c>
      <c r="G74" s="123">
        <v>0.28999999999999998</v>
      </c>
      <c r="H74" s="94">
        <v>5.7246908949238867E-2</v>
      </c>
    </row>
    <row r="75" spans="1:8">
      <c r="A75" s="49" t="s">
        <v>441</v>
      </c>
      <c r="B75" s="49">
        <v>80</v>
      </c>
      <c r="C75" s="126">
        <v>0.51</v>
      </c>
      <c r="D75" s="97">
        <v>0.10908915031646936</v>
      </c>
      <c r="E75" s="126">
        <v>0.12</v>
      </c>
      <c r="F75" s="97">
        <v>7.5285154202967858E-2</v>
      </c>
      <c r="G75" s="126">
        <v>0.36</v>
      </c>
      <c r="H75" s="97">
        <v>0.10515798142890086</v>
      </c>
    </row>
    <row r="76" spans="1:8" ht="25.5">
      <c r="A76" s="45" t="s">
        <v>442</v>
      </c>
      <c r="B76" s="129">
        <v>104</v>
      </c>
      <c r="C76" s="123">
        <v>0.6</v>
      </c>
      <c r="D76" s="94">
        <v>9.4423597042817067E-2</v>
      </c>
      <c r="E76" s="123">
        <v>0.14000000000000001</v>
      </c>
      <c r="F76" s="94">
        <v>6.9341405038223003E-2</v>
      </c>
      <c r="G76" s="123">
        <v>0.26</v>
      </c>
      <c r="H76" s="94">
        <v>8.5328917924175351E-2</v>
      </c>
    </row>
    <row r="77" spans="1:8">
      <c r="A77" s="49" t="s">
        <v>462</v>
      </c>
      <c r="B77" s="131">
        <v>65</v>
      </c>
      <c r="C77" s="126">
        <v>0.54</v>
      </c>
      <c r="D77" s="97">
        <v>0.12004350183108264</v>
      </c>
      <c r="E77" s="126">
        <v>0.21</v>
      </c>
      <c r="F77" s="97">
        <v>0.10082790473484812</v>
      </c>
      <c r="G77" s="126">
        <v>0.25</v>
      </c>
      <c r="H77" s="97">
        <v>0.10619542742524118</v>
      </c>
    </row>
    <row r="78" spans="1:8">
      <c r="A78" s="45" t="s">
        <v>450</v>
      </c>
      <c r="B78" s="83">
        <v>254</v>
      </c>
      <c r="C78" s="98">
        <v>0.61</v>
      </c>
      <c r="D78" s="94">
        <v>6.0779469876268116E-2</v>
      </c>
      <c r="E78" s="98">
        <v>0.27</v>
      </c>
      <c r="F78" s="94">
        <v>5.5507188513513959E-2</v>
      </c>
      <c r="G78" s="98">
        <v>0.12</v>
      </c>
      <c r="H78" s="94">
        <v>4.1304843255870888E-2</v>
      </c>
    </row>
    <row r="79" spans="1:8">
      <c r="A79" s="49" t="s">
        <v>443</v>
      </c>
      <c r="B79" s="131">
        <v>120</v>
      </c>
      <c r="C79" s="126">
        <v>0.61</v>
      </c>
      <c r="D79" s="97">
        <v>8.7743771787113692E-2</v>
      </c>
      <c r="E79" s="126">
        <v>0.23</v>
      </c>
      <c r="F79" s="97">
        <v>7.6564829651340482E-2</v>
      </c>
      <c r="G79" s="126">
        <v>0.16</v>
      </c>
      <c r="H79" s="97">
        <v>6.761794311231914E-2</v>
      </c>
    </row>
    <row r="80" spans="1:8">
      <c r="A80" s="57" t="s">
        <v>444</v>
      </c>
      <c r="B80" s="129">
        <v>134</v>
      </c>
      <c r="C80" s="123">
        <v>0.61</v>
      </c>
      <c r="D80" s="94">
        <v>8.3160623929147401E-2</v>
      </c>
      <c r="E80" s="123">
        <v>0.28999999999999998</v>
      </c>
      <c r="F80" s="94">
        <v>7.7724797061455436E-2</v>
      </c>
      <c r="G80" s="123">
        <v>0.1</v>
      </c>
      <c r="H80" s="94">
        <v>5.3606439364976957E-2</v>
      </c>
    </row>
    <row r="81" spans="1:8">
      <c r="A81" s="49" t="s">
        <v>451</v>
      </c>
      <c r="B81" s="131">
        <v>79</v>
      </c>
      <c r="C81" s="126">
        <v>0.6</v>
      </c>
      <c r="D81" s="97">
        <v>0.10775711867907536</v>
      </c>
      <c r="E81" s="126">
        <v>0.27</v>
      </c>
      <c r="F81" s="97">
        <v>9.8684341025689501E-2</v>
      </c>
      <c r="G81" s="126">
        <v>0.12</v>
      </c>
      <c r="H81" s="97">
        <v>7.5787495250221396E-2</v>
      </c>
    </row>
    <row r="82" spans="1:8">
      <c r="A82" s="57" t="s">
        <v>452</v>
      </c>
      <c r="B82" s="129">
        <v>303</v>
      </c>
      <c r="C82" s="123">
        <v>0.6</v>
      </c>
      <c r="D82" s="94">
        <v>5.5950057847510115E-2</v>
      </c>
      <c r="E82" s="123">
        <v>0.21</v>
      </c>
      <c r="F82" s="94">
        <v>4.6796705509208003E-2</v>
      </c>
      <c r="G82" s="123">
        <v>0.19</v>
      </c>
      <c r="H82" s="94">
        <v>4.5140088901215042E-2</v>
      </c>
    </row>
    <row r="83" spans="1:8">
      <c r="A83" s="49" t="s">
        <v>445</v>
      </c>
      <c r="B83" s="131">
        <v>96</v>
      </c>
      <c r="C83" s="126">
        <v>0.65</v>
      </c>
      <c r="D83" s="97">
        <v>9.5763040887390363E-2</v>
      </c>
      <c r="E83" s="126">
        <v>0.18</v>
      </c>
      <c r="F83" s="97">
        <v>7.8899470213683945E-2</v>
      </c>
      <c r="G83" s="126">
        <v>0.18</v>
      </c>
      <c r="H83" s="97">
        <v>7.8899470213683945E-2</v>
      </c>
    </row>
    <row r="84" spans="1:8">
      <c r="A84" s="57" t="s">
        <v>446</v>
      </c>
      <c r="B84" s="129">
        <v>118</v>
      </c>
      <c r="C84" s="123">
        <v>0.55000000000000004</v>
      </c>
      <c r="D84" s="94">
        <v>9.0111269464364541E-2</v>
      </c>
      <c r="E84" s="123">
        <v>0.25</v>
      </c>
      <c r="F84" s="94">
        <v>7.9244625285082304E-2</v>
      </c>
      <c r="G84" s="123">
        <v>0.19</v>
      </c>
      <c r="H84" s="94">
        <v>7.2450850220998966E-2</v>
      </c>
    </row>
    <row r="85" spans="1:8">
      <c r="A85" s="49" t="s">
        <v>447</v>
      </c>
      <c r="B85" s="131">
        <v>89</v>
      </c>
      <c r="C85" s="126">
        <v>0.6</v>
      </c>
      <c r="D85" s="97">
        <v>0.10177810901906449</v>
      </c>
      <c r="E85" s="126">
        <v>0.2</v>
      </c>
      <c r="F85" s="97">
        <v>8.4897266758860418E-2</v>
      </c>
      <c r="G85" s="126">
        <v>0.2</v>
      </c>
      <c r="H85" s="97">
        <v>8.4897266758860418E-2</v>
      </c>
    </row>
    <row r="86" spans="1:8">
      <c r="A86" s="57" t="s">
        <v>453</v>
      </c>
      <c r="B86" s="129">
        <v>79</v>
      </c>
      <c r="C86" s="123">
        <v>0.5</v>
      </c>
      <c r="D86" s="94">
        <v>0.10976425998969035</v>
      </c>
      <c r="E86" s="123">
        <v>0.22</v>
      </c>
      <c r="F86" s="94">
        <v>9.287238014475116E-2</v>
      </c>
      <c r="G86" s="123">
        <v>0.28000000000000003</v>
      </c>
      <c r="H86" s="94">
        <v>9.9674808396882253E-2</v>
      </c>
    </row>
    <row r="87" spans="1:8">
      <c r="A87" s="49" t="s">
        <v>459</v>
      </c>
      <c r="B87" s="131">
        <v>37</v>
      </c>
      <c r="C87" s="126">
        <v>0.55000000000000004</v>
      </c>
      <c r="D87" s="97">
        <v>0.15553652524309836</v>
      </c>
      <c r="E87" s="126">
        <v>0.25</v>
      </c>
      <c r="F87" s="97">
        <v>0.1393714944272598</v>
      </c>
      <c r="G87" s="126">
        <v>0.21</v>
      </c>
      <c r="H87" s="97">
        <v>0.13307224525646352</v>
      </c>
    </row>
    <row r="90" spans="1:8" ht="18.75">
      <c r="A90" s="321" t="s">
        <v>10</v>
      </c>
      <c r="B90" s="321"/>
      <c r="C90" s="321"/>
      <c r="D90" s="321"/>
    </row>
    <row r="91" spans="1:8" ht="123.75" customHeight="1">
      <c r="A91" s="349" t="s">
        <v>489</v>
      </c>
      <c r="B91" s="349"/>
      <c r="C91" s="349"/>
      <c r="D91" s="349"/>
    </row>
    <row r="92" spans="1:8" ht="37.5" customHeight="1">
      <c r="A92" s="348" t="s">
        <v>133</v>
      </c>
      <c r="B92" s="348"/>
      <c r="C92" s="348"/>
      <c r="D92" s="348"/>
    </row>
    <row r="93" spans="1:8" ht="36" customHeight="1">
      <c r="A93" s="37" t="s">
        <v>85</v>
      </c>
      <c r="B93" s="38" t="s">
        <v>86</v>
      </c>
      <c r="C93" s="39" t="s">
        <v>87</v>
      </c>
      <c r="D93" s="40" t="s">
        <v>88</v>
      </c>
    </row>
    <row r="94" spans="1:8" ht="60">
      <c r="A94" s="41"/>
      <c r="B94" s="42" t="s">
        <v>89</v>
      </c>
      <c r="C94" s="43" t="s">
        <v>134</v>
      </c>
      <c r="D94" s="44" t="s">
        <v>91</v>
      </c>
    </row>
    <row r="95" spans="1:8">
      <c r="A95" s="45" t="s">
        <v>434</v>
      </c>
      <c r="B95" s="129">
        <v>11074</v>
      </c>
      <c r="C95" s="84">
        <v>3.58</v>
      </c>
      <c r="D95" s="85">
        <v>1.9599999999999999E-2</v>
      </c>
    </row>
    <row r="96" spans="1:8">
      <c r="A96" s="49" t="s">
        <v>435</v>
      </c>
      <c r="B96" s="49">
        <v>8741</v>
      </c>
      <c r="C96" s="120">
        <v>3.534729</v>
      </c>
      <c r="D96" s="121">
        <v>2.8834931999999997E-2</v>
      </c>
    </row>
    <row r="97" spans="1:4">
      <c r="A97" s="45" t="s">
        <v>436</v>
      </c>
      <c r="B97" s="53">
        <v>836</v>
      </c>
      <c r="C97" s="84">
        <v>3.51</v>
      </c>
      <c r="D97" s="85">
        <v>9.8000000000000004E-2</v>
      </c>
    </row>
    <row r="98" spans="1:4">
      <c r="A98" s="49" t="s">
        <v>437</v>
      </c>
      <c r="B98" s="49">
        <v>3090</v>
      </c>
      <c r="C98" s="120">
        <v>3.76</v>
      </c>
      <c r="D98" s="121">
        <v>5.8799999999999998E-2</v>
      </c>
    </row>
    <row r="99" spans="1:4">
      <c r="A99" s="45" t="s">
        <v>438</v>
      </c>
      <c r="B99" s="53">
        <v>2488</v>
      </c>
      <c r="C99" s="84">
        <v>3.79</v>
      </c>
      <c r="D99" s="85">
        <v>5.8799999999999998E-2</v>
      </c>
    </row>
    <row r="100" spans="1:4">
      <c r="A100" s="49" t="s">
        <v>449</v>
      </c>
      <c r="B100" s="49">
        <v>296</v>
      </c>
      <c r="C100" s="120">
        <v>3.92</v>
      </c>
      <c r="D100" s="121">
        <v>0.15679999999999999</v>
      </c>
    </row>
    <row r="101" spans="1:4">
      <c r="A101" s="45" t="s">
        <v>439</v>
      </c>
      <c r="B101" s="53">
        <v>147</v>
      </c>
      <c r="C101" s="84">
        <v>4.07</v>
      </c>
      <c r="D101" s="85">
        <v>0.21559999999999999</v>
      </c>
    </row>
    <row r="102" spans="1:4" ht="29.25" customHeight="1">
      <c r="A102" s="49" t="s">
        <v>440</v>
      </c>
      <c r="B102" s="49">
        <v>94</v>
      </c>
      <c r="C102" s="120">
        <v>3.45</v>
      </c>
      <c r="D102" s="121">
        <v>0.27440000000000003</v>
      </c>
    </row>
    <row r="103" spans="1:4">
      <c r="A103" s="45" t="s">
        <v>475</v>
      </c>
      <c r="B103" s="53">
        <v>266</v>
      </c>
      <c r="C103" s="84">
        <v>3.65</v>
      </c>
      <c r="D103" s="85">
        <v>0.15679999999999999</v>
      </c>
    </row>
    <row r="104" spans="1:4">
      <c r="A104" s="49" t="s">
        <v>441</v>
      </c>
      <c r="B104" s="49">
        <v>83</v>
      </c>
      <c r="C104" s="120">
        <v>3.65</v>
      </c>
      <c r="D104" s="121">
        <v>0.31359999999999999</v>
      </c>
    </row>
    <row r="105" spans="1:4" ht="25.5">
      <c r="A105" s="45" t="s">
        <v>442</v>
      </c>
      <c r="B105" s="129">
        <v>108</v>
      </c>
      <c r="C105" s="117">
        <v>3.58</v>
      </c>
      <c r="D105" s="118">
        <v>0.23519999999999999</v>
      </c>
    </row>
    <row r="106" spans="1:4">
      <c r="A106" s="49" t="s">
        <v>462</v>
      </c>
      <c r="B106" s="131">
        <v>71</v>
      </c>
      <c r="C106" s="120">
        <v>3.74</v>
      </c>
      <c r="D106" s="121">
        <v>0.31359999999999999</v>
      </c>
    </row>
    <row r="107" spans="1:4">
      <c r="A107" s="45" t="s">
        <v>450</v>
      </c>
      <c r="B107" s="83">
        <v>311</v>
      </c>
      <c r="C107" s="84">
        <v>3.87</v>
      </c>
      <c r="D107" s="85">
        <v>0.15679999999999999</v>
      </c>
    </row>
    <row r="108" spans="1:4">
      <c r="A108" s="49" t="s">
        <v>443</v>
      </c>
      <c r="B108" s="131">
        <v>160</v>
      </c>
      <c r="C108" s="120">
        <v>3.94</v>
      </c>
      <c r="D108" s="121">
        <v>0.25480000000000003</v>
      </c>
    </row>
    <row r="109" spans="1:4">
      <c r="A109" s="57" t="s">
        <v>444</v>
      </c>
      <c r="B109" s="129">
        <v>151</v>
      </c>
      <c r="C109" s="117">
        <v>3.84</v>
      </c>
      <c r="D109" s="118">
        <v>0.21559999999999999</v>
      </c>
    </row>
    <row r="110" spans="1:4">
      <c r="A110" s="49" t="s">
        <v>451</v>
      </c>
      <c r="B110" s="131">
        <v>92</v>
      </c>
      <c r="C110" s="120">
        <v>3.21</v>
      </c>
      <c r="D110" s="121">
        <v>0.25480000000000003</v>
      </c>
    </row>
    <row r="111" spans="1:4">
      <c r="A111" s="57" t="s">
        <v>452</v>
      </c>
      <c r="B111" s="129">
        <v>325</v>
      </c>
      <c r="C111" s="117">
        <v>3.63</v>
      </c>
      <c r="D111" s="118">
        <v>0.15679999999999999</v>
      </c>
    </row>
    <row r="112" spans="1:4">
      <c r="A112" s="49" t="s">
        <v>445</v>
      </c>
      <c r="B112" s="131">
        <v>106</v>
      </c>
      <c r="C112" s="120">
        <v>3.58</v>
      </c>
      <c r="D112" s="121">
        <v>0.27440000000000003</v>
      </c>
    </row>
    <row r="113" spans="1:30">
      <c r="A113" s="57" t="s">
        <v>446</v>
      </c>
      <c r="B113" s="129">
        <v>124</v>
      </c>
      <c r="C113" s="117">
        <v>3.55</v>
      </c>
      <c r="D113" s="118">
        <v>0.23519999999999999</v>
      </c>
    </row>
    <row r="114" spans="1:30">
      <c r="A114" s="49" t="s">
        <v>447</v>
      </c>
      <c r="B114" s="131">
        <v>95</v>
      </c>
      <c r="C114" s="120">
        <v>3.81</v>
      </c>
      <c r="D114" s="121">
        <v>0.29399999999999998</v>
      </c>
    </row>
    <row r="115" spans="1:30">
      <c r="A115" s="57" t="s">
        <v>453</v>
      </c>
      <c r="B115" s="129">
        <v>101</v>
      </c>
      <c r="C115" s="117">
        <v>3.23</v>
      </c>
      <c r="D115" s="118">
        <v>0.31359999999999999</v>
      </c>
    </row>
    <row r="116" spans="1:30">
      <c r="A116" s="49" t="s">
        <v>459</v>
      </c>
      <c r="B116" s="131">
        <v>371</v>
      </c>
      <c r="C116" s="120">
        <v>3.68</v>
      </c>
      <c r="D116" s="121">
        <v>0.43119999999999997</v>
      </c>
      <c r="P116" s="249"/>
      <c r="Q116" s="249"/>
      <c r="R116" s="249"/>
      <c r="S116" s="249"/>
      <c r="T116" s="249"/>
      <c r="U116" s="249"/>
      <c r="V116" s="249"/>
      <c r="W116" s="249"/>
      <c r="X116" s="249"/>
      <c r="Y116" s="249"/>
      <c r="Z116" s="249"/>
      <c r="AA116" s="249"/>
      <c r="AB116" s="249"/>
      <c r="AC116" s="249"/>
      <c r="AD116" s="249"/>
    </row>
    <row r="118" spans="1:30">
      <c r="P118" s="249"/>
      <c r="Q118" s="249"/>
      <c r="R118" s="249"/>
      <c r="S118" s="249"/>
      <c r="T118" s="249"/>
      <c r="U118" s="249"/>
      <c r="V118" s="249"/>
      <c r="W118" s="249"/>
      <c r="X118" s="249"/>
      <c r="Y118" s="249"/>
      <c r="Z118" s="249"/>
      <c r="AA118" s="249"/>
      <c r="AB118" s="249"/>
      <c r="AC118" s="249"/>
      <c r="AD118" s="249"/>
    </row>
    <row r="119" spans="1:30" ht="18.75">
      <c r="A119" s="322" t="s">
        <v>37</v>
      </c>
      <c r="B119" s="322"/>
      <c r="C119" s="322"/>
      <c r="D119" s="322"/>
      <c r="E119" s="322"/>
      <c r="F119" s="322"/>
      <c r="G119" s="322"/>
      <c r="H119" s="322"/>
      <c r="I119" s="322"/>
      <c r="J119" s="322"/>
      <c r="K119" s="322"/>
      <c r="L119" s="322"/>
      <c r="M119" s="322"/>
      <c r="N119" s="322"/>
      <c r="O119" s="322"/>
      <c r="P119" s="322"/>
      <c r="Q119" s="322"/>
      <c r="R119" s="322"/>
      <c r="S119" s="322"/>
      <c r="T119" s="227"/>
      <c r="U119" s="227"/>
      <c r="V119" s="227"/>
      <c r="W119" s="227"/>
      <c r="X119" s="227"/>
      <c r="Y119" s="227"/>
      <c r="Z119" s="227"/>
      <c r="AA119" s="227"/>
      <c r="AB119" s="249"/>
    </row>
    <row r="120" spans="1:30" ht="72" customHeight="1">
      <c r="A120" s="358" t="s">
        <v>383</v>
      </c>
      <c r="B120" s="358"/>
      <c r="C120" s="358"/>
      <c r="D120" s="358"/>
      <c r="E120" s="358"/>
      <c r="F120" s="358"/>
      <c r="G120" s="358"/>
      <c r="H120" s="358"/>
      <c r="I120" s="358"/>
      <c r="J120" s="358"/>
      <c r="K120" s="358"/>
      <c r="L120" s="358"/>
      <c r="M120" s="358"/>
      <c r="N120" s="358"/>
      <c r="O120" s="358"/>
      <c r="P120" s="358"/>
      <c r="Q120" s="358"/>
      <c r="R120" s="358"/>
      <c r="S120" s="358"/>
      <c r="T120" s="230"/>
      <c r="U120" s="230"/>
      <c r="V120" s="230"/>
      <c r="W120" s="230"/>
      <c r="X120" s="230"/>
      <c r="Y120" s="230"/>
      <c r="Z120" s="230"/>
      <c r="AA120" s="230"/>
      <c r="AB120" s="249"/>
    </row>
    <row r="121" spans="1:30" ht="41.25" customHeight="1">
      <c r="A121" s="64"/>
      <c r="B121" s="353" t="s">
        <v>245</v>
      </c>
      <c r="C121" s="354"/>
      <c r="D121" s="354"/>
      <c r="E121" s="354"/>
      <c r="F121" s="354"/>
      <c r="G121" s="354"/>
      <c r="H121" s="354"/>
      <c r="I121" s="354"/>
      <c r="J121" s="355"/>
      <c r="K121" s="356" t="s">
        <v>218</v>
      </c>
      <c r="L121" s="359"/>
      <c r="M121" s="359"/>
      <c r="N121" s="359"/>
      <c r="O121" s="359"/>
      <c r="P121" s="359"/>
      <c r="Q121" s="359"/>
      <c r="R121" s="359"/>
      <c r="S121" s="359"/>
      <c r="T121" s="249"/>
      <c r="U121" s="249"/>
      <c r="V121" s="249"/>
      <c r="W121" s="249"/>
      <c r="X121" s="249"/>
      <c r="Y121" s="249"/>
      <c r="Z121" s="249"/>
      <c r="AA121" s="249"/>
      <c r="AB121" s="249"/>
    </row>
    <row r="122" spans="1:30" ht="40.5" customHeight="1">
      <c r="A122" s="37" t="s">
        <v>85</v>
      </c>
      <c r="B122" s="38" t="s">
        <v>86</v>
      </c>
      <c r="C122" s="38" t="s">
        <v>178</v>
      </c>
      <c r="D122" s="89" t="s">
        <v>101</v>
      </c>
      <c r="E122" s="38" t="s">
        <v>179</v>
      </c>
      <c r="F122" s="89" t="s">
        <v>102</v>
      </c>
      <c r="G122" s="38" t="s">
        <v>180</v>
      </c>
      <c r="H122" s="89" t="s">
        <v>103</v>
      </c>
      <c r="I122" s="38" t="s">
        <v>356</v>
      </c>
      <c r="J122" s="89" t="s">
        <v>355</v>
      </c>
      <c r="K122" s="65" t="s">
        <v>86</v>
      </c>
      <c r="L122" s="65" t="s">
        <v>178</v>
      </c>
      <c r="M122" s="88" t="s">
        <v>101</v>
      </c>
      <c r="N122" s="65" t="s">
        <v>179</v>
      </c>
      <c r="O122" s="88" t="s">
        <v>102</v>
      </c>
      <c r="P122" s="65" t="s">
        <v>180</v>
      </c>
      <c r="Q122" s="88" t="s">
        <v>103</v>
      </c>
      <c r="R122" s="65" t="s">
        <v>356</v>
      </c>
      <c r="S122" s="88" t="s">
        <v>355</v>
      </c>
    </row>
    <row r="123" spans="1:30" ht="66" customHeight="1">
      <c r="A123" s="41"/>
      <c r="B123" s="42" t="s">
        <v>89</v>
      </c>
      <c r="C123" s="42" t="s">
        <v>181</v>
      </c>
      <c r="D123" s="91" t="s">
        <v>104</v>
      </c>
      <c r="E123" s="42" t="s">
        <v>182</v>
      </c>
      <c r="F123" s="91" t="s">
        <v>104</v>
      </c>
      <c r="G123" s="42" t="s">
        <v>183</v>
      </c>
      <c r="H123" s="91" t="s">
        <v>104</v>
      </c>
      <c r="I123" s="42" t="s">
        <v>356</v>
      </c>
      <c r="J123" s="91" t="s">
        <v>104</v>
      </c>
      <c r="K123" s="68" t="s">
        <v>89</v>
      </c>
      <c r="L123" s="68" t="s">
        <v>181</v>
      </c>
      <c r="M123" s="90" t="s">
        <v>104</v>
      </c>
      <c r="N123" s="68" t="s">
        <v>182</v>
      </c>
      <c r="O123" s="90" t="s">
        <v>104</v>
      </c>
      <c r="P123" s="68" t="s">
        <v>183</v>
      </c>
      <c r="Q123" s="90" t="s">
        <v>104</v>
      </c>
      <c r="R123" s="68" t="s">
        <v>356</v>
      </c>
      <c r="S123" s="90" t="s">
        <v>104</v>
      </c>
    </row>
    <row r="124" spans="1:30">
      <c r="A124" s="45" t="s">
        <v>434</v>
      </c>
      <c r="B124" s="133">
        <v>9369</v>
      </c>
      <c r="C124" s="134">
        <v>0.37</v>
      </c>
      <c r="D124" s="94">
        <v>9.9741353621355475E-3</v>
      </c>
      <c r="E124" s="134">
        <v>0.221</v>
      </c>
      <c r="F124" s="94">
        <v>8.5731282152094537E-3</v>
      </c>
      <c r="G124" s="134">
        <v>0.40600000000000003</v>
      </c>
      <c r="H124" s="94">
        <v>1.0145038873403799E-2</v>
      </c>
      <c r="I124" s="134">
        <v>3.0000000000000001E-3</v>
      </c>
      <c r="J124" s="94">
        <v>1.1689246013616803E-3</v>
      </c>
      <c r="K124" s="133">
        <v>9309</v>
      </c>
      <c r="L124" s="134">
        <v>0.56100000000000005</v>
      </c>
      <c r="M124" s="94">
        <v>1.0284938582580939E-2</v>
      </c>
      <c r="N124" s="134">
        <v>0.153</v>
      </c>
      <c r="O124" s="94">
        <v>7.4635564944022306E-3</v>
      </c>
      <c r="P124" s="134">
        <v>0.17199999999999999</v>
      </c>
      <c r="Q124" s="94">
        <v>7.823578070147828E-3</v>
      </c>
      <c r="R124" s="134">
        <v>0.114</v>
      </c>
      <c r="S124" s="94">
        <v>6.5906676373308224E-3</v>
      </c>
    </row>
    <row r="125" spans="1:30">
      <c r="A125" s="49" t="s">
        <v>435</v>
      </c>
      <c r="B125" s="135">
        <v>8729</v>
      </c>
      <c r="C125" s="136">
        <v>0.37375328790127532</v>
      </c>
      <c r="D125" s="97">
        <v>1.0354450295772881E-2</v>
      </c>
      <c r="E125" s="136">
        <v>0.21759286025718899</v>
      </c>
      <c r="F125" s="97">
        <v>8.8324285743558578E-3</v>
      </c>
      <c r="G125" s="136">
        <v>0.40625327016899487</v>
      </c>
      <c r="H125" s="97">
        <v>1.0511254749015609E-2</v>
      </c>
      <c r="I125" s="136">
        <v>2.4005816725408747E-3</v>
      </c>
      <c r="J125" s="97">
        <v>1.0957982685366465E-3</v>
      </c>
      <c r="K125" s="135">
        <v>8676</v>
      </c>
      <c r="L125" s="136">
        <v>0.59507818213662678</v>
      </c>
      <c r="M125" s="97">
        <v>1.0537807050497342E-2</v>
      </c>
      <c r="N125" s="136">
        <v>0.14526782920903189</v>
      </c>
      <c r="O125" s="97">
        <v>7.5678509073263808E-3</v>
      </c>
      <c r="P125" s="136">
        <v>0.16198415705035279</v>
      </c>
      <c r="Q125" s="97">
        <v>7.912265737003878E-3</v>
      </c>
      <c r="R125" s="136">
        <v>9.7669831603988483E-2</v>
      </c>
      <c r="S125" s="97">
        <v>6.3782316201213256E-3</v>
      </c>
    </row>
    <row r="126" spans="1:30">
      <c r="A126" s="45" t="s">
        <v>436</v>
      </c>
      <c r="B126" s="83">
        <v>839</v>
      </c>
      <c r="C126" s="98">
        <v>0.44990000000000002</v>
      </c>
      <c r="D126" s="94">
        <v>3.4270139814653655E-2</v>
      </c>
      <c r="E126" s="98">
        <v>0.22650000000000001</v>
      </c>
      <c r="F126" s="94">
        <v>2.8890592737705698E-2</v>
      </c>
      <c r="G126" s="98">
        <v>0.31950000000000001</v>
      </c>
      <c r="H126" s="94">
        <v>3.2142048330266244E-2</v>
      </c>
      <c r="I126" s="98">
        <v>4.1000000000000003E-3</v>
      </c>
      <c r="J126" s="94">
        <v>5.5155913509177344E-3</v>
      </c>
      <c r="K126" s="83">
        <v>830</v>
      </c>
      <c r="L126" s="98">
        <v>0.44750000000000001</v>
      </c>
      <c r="M126" s="94">
        <v>3.4437593468006039E-2</v>
      </c>
      <c r="N126" s="98">
        <v>0.18990000000000001</v>
      </c>
      <c r="O126" s="94">
        <v>2.72441836205712E-2</v>
      </c>
      <c r="P126" s="98">
        <v>0.18</v>
      </c>
      <c r="Q126" s="94">
        <v>2.6694820150779289E-2</v>
      </c>
      <c r="R126" s="98">
        <v>0.18260000000000001</v>
      </c>
      <c r="S126" s="94">
        <v>2.6841865721768891E-2</v>
      </c>
    </row>
    <row r="127" spans="1:30">
      <c r="A127" s="49" t="s">
        <v>437</v>
      </c>
      <c r="B127" s="135">
        <v>2554</v>
      </c>
      <c r="C127" s="136">
        <v>0.316</v>
      </c>
      <c r="D127" s="97">
        <v>1.8388977557184355E-2</v>
      </c>
      <c r="E127" s="136">
        <v>0.22700000000000001</v>
      </c>
      <c r="F127" s="97">
        <v>1.6575644735849899E-2</v>
      </c>
      <c r="G127" s="136">
        <v>0.45200000000000001</v>
      </c>
      <c r="H127" s="97">
        <v>1.9680926260628777E-2</v>
      </c>
      <c r="I127" s="136">
        <v>5.0000000000000001E-3</v>
      </c>
      <c r="J127" s="97">
        <v>2.9961410304177858E-3</v>
      </c>
      <c r="K127" s="135">
        <v>2532</v>
      </c>
      <c r="L127" s="136">
        <v>0.51600000000000001</v>
      </c>
      <c r="M127" s="97">
        <v>1.9847399170653628E-2</v>
      </c>
      <c r="N127" s="136">
        <v>0.153</v>
      </c>
      <c r="O127" s="97">
        <v>1.4317850782834722E-2</v>
      </c>
      <c r="P127" s="136">
        <v>0.20599999999999999</v>
      </c>
      <c r="Q127" s="97">
        <v>1.6075357521682921E-2</v>
      </c>
      <c r="R127" s="136">
        <v>0.125</v>
      </c>
      <c r="S127" s="97">
        <v>1.3161114105735512E-2</v>
      </c>
    </row>
    <row r="128" spans="1:30">
      <c r="A128" s="45" t="s">
        <v>438</v>
      </c>
      <c r="B128" s="83">
        <v>2489</v>
      </c>
      <c r="C128" s="98">
        <v>0.309</v>
      </c>
      <c r="D128" s="94">
        <v>1.8514246769643812E-2</v>
      </c>
      <c r="E128" s="98">
        <v>0.22500000000000001</v>
      </c>
      <c r="F128" s="94">
        <v>1.6738352923338792E-2</v>
      </c>
      <c r="G128" s="98">
        <v>0.46200000000000002</v>
      </c>
      <c r="H128" s="94">
        <v>1.9970320137979312E-2</v>
      </c>
      <c r="I128" s="98">
        <v>4.0000000000000001E-3</v>
      </c>
      <c r="J128" s="94">
        <v>2.7673033208371021E-3</v>
      </c>
      <c r="K128" s="83">
        <v>2469</v>
      </c>
      <c r="L128" s="98">
        <v>0.51300000000000001</v>
      </c>
      <c r="M128" s="94">
        <v>2.0102106773780468E-2</v>
      </c>
      <c r="N128" s="98">
        <v>0.15</v>
      </c>
      <c r="O128" s="94">
        <v>1.4382896306577509E-2</v>
      </c>
      <c r="P128" s="98">
        <v>0.214</v>
      </c>
      <c r="Q128" s="94">
        <v>1.6507342087791532E-2</v>
      </c>
      <c r="R128" s="98">
        <v>0.123</v>
      </c>
      <c r="S128" s="94">
        <v>1.3237108359323646E-2</v>
      </c>
    </row>
    <row r="129" spans="1:33">
      <c r="A129" s="49" t="s">
        <v>449</v>
      </c>
      <c r="B129" s="135">
        <v>288</v>
      </c>
      <c r="C129" s="136">
        <v>0.27</v>
      </c>
      <c r="D129" s="97">
        <v>5.2150912238433191E-2</v>
      </c>
      <c r="E129" s="136">
        <v>0.214</v>
      </c>
      <c r="F129" s="97">
        <v>4.8318242546076466E-2</v>
      </c>
      <c r="G129" s="136">
        <v>0.51600000000000001</v>
      </c>
      <c r="H129" s="97">
        <v>5.8491419070885994E-2</v>
      </c>
      <c r="I129" s="136">
        <v>0</v>
      </c>
      <c r="J129" s="97">
        <v>9.6531646820038133E-3</v>
      </c>
      <c r="K129" s="135">
        <v>288</v>
      </c>
      <c r="L129" s="136">
        <v>0.46100000000000002</v>
      </c>
      <c r="M129" s="97">
        <v>5.8347140861912936E-2</v>
      </c>
      <c r="N129" s="136">
        <v>0.191</v>
      </c>
      <c r="O129" s="97">
        <v>4.6392754595352734E-2</v>
      </c>
      <c r="P129" s="136">
        <v>0.20100000000000001</v>
      </c>
      <c r="Q129" s="97">
        <v>4.7257900136465525E-2</v>
      </c>
      <c r="R129" s="136">
        <v>0.14699999999999999</v>
      </c>
      <c r="S129" s="97">
        <v>4.2001559334905278E-2</v>
      </c>
    </row>
    <row r="130" spans="1:33">
      <c r="A130" s="45" t="s">
        <v>439</v>
      </c>
      <c r="B130" s="83">
        <v>145</v>
      </c>
      <c r="C130" s="98">
        <v>0.22700000000000001</v>
      </c>
      <c r="D130" s="94">
        <v>6.9401824796977818E-2</v>
      </c>
      <c r="E130" s="98">
        <v>0.253</v>
      </c>
      <c r="F130" s="94">
        <v>7.1835509817827464E-2</v>
      </c>
      <c r="G130" s="98">
        <v>0.52</v>
      </c>
      <c r="H130" s="94">
        <v>8.1861101584397938E-2</v>
      </c>
      <c r="I130" s="98">
        <v>0</v>
      </c>
      <c r="J130" s="94">
        <v>1.8854901079065334E-2</v>
      </c>
      <c r="K130" s="83">
        <v>144</v>
      </c>
      <c r="L130" s="98">
        <v>0.41799999999999998</v>
      </c>
      <c r="M130" s="94">
        <v>8.1146272307039302E-2</v>
      </c>
      <c r="N130" s="98">
        <v>0.218</v>
      </c>
      <c r="O130" s="94">
        <v>6.8717302883872136E-2</v>
      </c>
      <c r="P130" s="98">
        <v>0.23699999999999999</v>
      </c>
      <c r="Q130" s="94">
        <v>7.0618759406462187E-2</v>
      </c>
      <c r="R130" s="98">
        <v>0.127</v>
      </c>
      <c r="S130" s="94">
        <v>5.6542224903576015E-2</v>
      </c>
    </row>
    <row r="131" spans="1:33" ht="25.5" customHeight="1">
      <c r="A131" s="49" t="s">
        <v>440</v>
      </c>
      <c r="B131" s="135">
        <v>93</v>
      </c>
      <c r="C131" s="136">
        <v>0.38500000000000001</v>
      </c>
      <c r="D131" s="97">
        <v>9.9035187445177419E-2</v>
      </c>
      <c r="E131" s="136">
        <v>0.151</v>
      </c>
      <c r="F131" s="97">
        <v>7.5447071843523145E-2</v>
      </c>
      <c r="G131" s="136">
        <v>0.46400000000000002</v>
      </c>
      <c r="H131" s="97">
        <v>0.10129240774116484</v>
      </c>
      <c r="I131" s="136">
        <v>0</v>
      </c>
      <c r="J131" s="97">
        <v>2.885686812463846E-2</v>
      </c>
      <c r="K131" s="135">
        <v>94</v>
      </c>
      <c r="L131" s="136">
        <v>0.57699999999999996</v>
      </c>
      <c r="M131" s="97">
        <v>9.9907124717640169E-2</v>
      </c>
      <c r="N131" s="136">
        <v>0.14499999999999999</v>
      </c>
      <c r="O131" s="97">
        <v>7.3969878292060476E-2</v>
      </c>
      <c r="P131" s="136">
        <v>9.5000000000000001E-2</v>
      </c>
      <c r="Q131" s="97">
        <v>6.3596795830330496E-2</v>
      </c>
      <c r="R131" s="136">
        <v>0.183</v>
      </c>
      <c r="S131" s="97">
        <v>8.0190276717767212E-2</v>
      </c>
    </row>
    <row r="132" spans="1:33">
      <c r="A132" s="45" t="s">
        <v>475</v>
      </c>
      <c r="B132" s="83">
        <v>256</v>
      </c>
      <c r="C132" s="98">
        <v>0.34899999999999998</v>
      </c>
      <c r="D132" s="94">
        <v>5.9212157346323957E-2</v>
      </c>
      <c r="E132" s="98">
        <v>0.23</v>
      </c>
      <c r="F132" s="94">
        <v>5.2524839908987105E-2</v>
      </c>
      <c r="G132" s="98">
        <v>0.42099999999999999</v>
      </c>
      <c r="H132" s="94">
        <v>6.1262305339664355E-2</v>
      </c>
      <c r="I132" s="98">
        <v>0</v>
      </c>
      <c r="J132" s="94">
        <v>1.0836644452735043E-2</v>
      </c>
      <c r="K132" s="83">
        <v>254</v>
      </c>
      <c r="L132" s="98">
        <v>0.56399999999999995</v>
      </c>
      <c r="M132" s="94">
        <v>6.1760982539745518E-2</v>
      </c>
      <c r="N132" s="98">
        <v>0.13800000000000001</v>
      </c>
      <c r="O132" s="94">
        <v>4.3666793439024625E-2</v>
      </c>
      <c r="P132" s="98">
        <v>0.20499999999999999</v>
      </c>
      <c r="Q132" s="94">
        <v>5.0677966620116734E-2</v>
      </c>
      <c r="R132" s="98">
        <v>9.4E-2</v>
      </c>
      <c r="S132" s="94">
        <v>3.7403223370006823E-2</v>
      </c>
    </row>
    <row r="133" spans="1:33">
      <c r="A133" s="49" t="s">
        <v>441</v>
      </c>
      <c r="B133" s="135">
        <v>82</v>
      </c>
      <c r="C133" s="136">
        <v>0.39300000000000002</v>
      </c>
      <c r="D133" s="97">
        <v>0.10556410050310128</v>
      </c>
      <c r="E133" s="136">
        <v>0.16900000000000001</v>
      </c>
      <c r="F133" s="97">
        <v>8.3636451429069641E-2</v>
      </c>
      <c r="G133" s="136">
        <v>0.438</v>
      </c>
      <c r="H133" s="97">
        <v>0.10707642685634891</v>
      </c>
      <c r="I133" s="136">
        <v>0</v>
      </c>
      <c r="J133" s="97">
        <v>3.2504011252172456E-2</v>
      </c>
      <c r="K133" s="135">
        <v>80</v>
      </c>
      <c r="L133" s="136">
        <v>0.55500000000000005</v>
      </c>
      <c r="M133" s="97">
        <v>0.1085085548147427</v>
      </c>
      <c r="N133" s="136">
        <v>0.20200000000000001</v>
      </c>
      <c r="O133" s="97">
        <v>8.9828448721785484E-2</v>
      </c>
      <c r="P133" s="136">
        <v>0.221</v>
      </c>
      <c r="Q133" s="97">
        <v>9.2426526383920071E-2</v>
      </c>
      <c r="R133" s="136">
        <v>2.1999999999999999E-2</v>
      </c>
      <c r="S133" s="97">
        <v>4.5123257989850597E-2</v>
      </c>
    </row>
    <row r="134" spans="1:33" ht="25.5">
      <c r="A134" s="45" t="s">
        <v>442</v>
      </c>
      <c r="B134" s="133">
        <v>105</v>
      </c>
      <c r="C134" s="134">
        <v>0.30099999999999999</v>
      </c>
      <c r="D134" s="94">
        <v>8.8463368300526493E-2</v>
      </c>
      <c r="E134" s="134">
        <v>0.25</v>
      </c>
      <c r="F134" s="94">
        <v>8.3940343159217529E-2</v>
      </c>
      <c r="G134" s="134">
        <v>0.44900000000000001</v>
      </c>
      <c r="H134" s="94">
        <v>9.5319144538178857E-2</v>
      </c>
      <c r="I134" s="134">
        <v>0</v>
      </c>
      <c r="J134" s="94">
        <v>2.5709707484377786E-2</v>
      </c>
      <c r="K134" s="133">
        <v>105</v>
      </c>
      <c r="L134" s="134">
        <v>0.67800000000000005</v>
      </c>
      <c r="M134" s="94">
        <v>8.9974259872743975E-2</v>
      </c>
      <c r="N134" s="134">
        <v>9.0999999999999998E-2</v>
      </c>
      <c r="O134" s="94">
        <v>5.897324203481203E-2</v>
      </c>
      <c r="P134" s="134">
        <v>0.124</v>
      </c>
      <c r="Q134" s="94">
        <v>6.6030249065445898E-2</v>
      </c>
      <c r="R134" s="134">
        <v>0.107</v>
      </c>
      <c r="S134" s="94">
        <v>6.2568483378202894E-2</v>
      </c>
    </row>
    <row r="135" spans="1:33">
      <c r="A135" s="49" t="s">
        <v>462</v>
      </c>
      <c r="B135" s="135">
        <v>69</v>
      </c>
      <c r="C135" s="136">
        <v>0.35299999999999998</v>
      </c>
      <c r="D135" s="97">
        <v>0.11243122217221618</v>
      </c>
      <c r="E135" s="136">
        <v>0.27300000000000002</v>
      </c>
      <c r="F135" s="97">
        <v>0.10571693945330164</v>
      </c>
      <c r="G135" s="136">
        <v>0.374</v>
      </c>
      <c r="H135" s="97">
        <v>0.11367248528834294</v>
      </c>
      <c r="I135" s="136">
        <v>0</v>
      </c>
      <c r="J135" s="97">
        <v>3.821112970151376E-2</v>
      </c>
      <c r="K135" s="135">
        <v>69</v>
      </c>
      <c r="L135" s="136">
        <v>0.45200000000000001</v>
      </c>
      <c r="M135" s="97">
        <v>0.11655831053629326</v>
      </c>
      <c r="N135" s="136">
        <v>0.121</v>
      </c>
      <c r="O135" s="97">
        <v>8.1650510167071116E-2</v>
      </c>
      <c r="P135" s="136">
        <v>0.27300000000000002</v>
      </c>
      <c r="Q135" s="97">
        <v>0.10571693945330164</v>
      </c>
      <c r="R135" s="136">
        <v>0.153</v>
      </c>
      <c r="S135" s="97">
        <v>8.8340867259433783E-2</v>
      </c>
    </row>
    <row r="136" spans="1:33">
      <c r="A136" s="45" t="s">
        <v>450</v>
      </c>
      <c r="B136" s="83">
        <v>263</v>
      </c>
      <c r="C136" s="98">
        <v>0.30099999999999999</v>
      </c>
      <c r="D136" s="94">
        <v>5.6299980219040396E-2</v>
      </c>
      <c r="E136" s="98">
        <v>0.219</v>
      </c>
      <c r="F136" s="94">
        <v>5.096626640347595E-2</v>
      </c>
      <c r="G136" s="98">
        <v>0.45900000000000002</v>
      </c>
      <c r="H136" s="94">
        <v>6.0999047055857451E-2</v>
      </c>
      <c r="I136" s="98">
        <v>2.1999999999999999E-2</v>
      </c>
      <c r="J136" s="94">
        <v>2.0594418329838632E-2</v>
      </c>
      <c r="K136" s="83">
        <v>262</v>
      </c>
      <c r="L136" s="98">
        <v>0.38900000000000001</v>
      </c>
      <c r="M136" s="94">
        <v>5.9830182019543619E-2</v>
      </c>
      <c r="N136" s="98">
        <v>0.20599999999999999</v>
      </c>
      <c r="O136" s="94">
        <v>4.9984062609017825E-2</v>
      </c>
      <c r="P136" s="98">
        <v>0.17399999999999999</v>
      </c>
      <c r="Q136" s="94">
        <v>4.6999638227105608E-2</v>
      </c>
      <c r="R136" s="98">
        <v>0.23200000000000001</v>
      </c>
      <c r="S136" s="94">
        <v>5.2072806000184012E-2</v>
      </c>
    </row>
    <row r="137" spans="1:33">
      <c r="A137" s="49" t="s">
        <v>443</v>
      </c>
      <c r="B137" s="135">
        <v>125</v>
      </c>
      <c r="C137" s="136">
        <v>0.23400000000000001</v>
      </c>
      <c r="D137" s="97">
        <v>7.544471531319806E-2</v>
      </c>
      <c r="E137" s="136">
        <v>0.16700000000000001</v>
      </c>
      <c r="F137" s="97">
        <v>6.7256588295050573E-2</v>
      </c>
      <c r="G137" s="136">
        <v>0.54300000000000004</v>
      </c>
      <c r="H137" s="97">
        <v>8.7738845911181279E-2</v>
      </c>
      <c r="I137" s="136">
        <v>5.6000000000000001E-2</v>
      </c>
      <c r="J137" s="97">
        <v>4.4859797411201129E-2</v>
      </c>
      <c r="K137" s="135">
        <v>125</v>
      </c>
      <c r="L137" s="136">
        <v>0.44800000000000001</v>
      </c>
      <c r="M137" s="97">
        <v>8.759687263518158E-2</v>
      </c>
      <c r="N137" s="136">
        <v>0.13400000000000001</v>
      </c>
      <c r="O137" s="97">
        <v>6.2063371646990273E-2</v>
      </c>
      <c r="P137" s="136">
        <v>0.28499999999999998</v>
      </c>
      <c r="Q137" s="97">
        <v>8.003821223480273E-2</v>
      </c>
      <c r="R137" s="136">
        <v>0.13300000000000001</v>
      </c>
      <c r="S137" s="97">
        <v>6.1891203700609521E-2</v>
      </c>
    </row>
    <row r="138" spans="1:33">
      <c r="A138" s="57" t="s">
        <v>444</v>
      </c>
      <c r="B138" s="133">
        <v>138</v>
      </c>
      <c r="C138" s="134">
        <v>0.33400000000000002</v>
      </c>
      <c r="D138" s="94">
        <v>7.9430115479636701E-2</v>
      </c>
      <c r="E138" s="134">
        <v>0.245</v>
      </c>
      <c r="F138" s="94">
        <v>7.2885552457803829E-2</v>
      </c>
      <c r="G138" s="134">
        <v>0.41599999999999998</v>
      </c>
      <c r="H138" s="94">
        <v>8.2792107237217416E-2</v>
      </c>
      <c r="I138" s="134">
        <v>5.0000000000000001E-3</v>
      </c>
      <c r="J138" s="94">
        <v>2.2880460723057567E-2</v>
      </c>
      <c r="K138" s="133">
        <v>137</v>
      </c>
      <c r="L138" s="134">
        <v>0.35899999999999999</v>
      </c>
      <c r="M138" s="94">
        <v>8.0992250745679756E-2</v>
      </c>
      <c r="N138" s="134">
        <v>0.24199999999999999</v>
      </c>
      <c r="O138" s="94">
        <v>7.2866167208695029E-2</v>
      </c>
      <c r="P138" s="134">
        <v>0.11799999999999999</v>
      </c>
      <c r="Q138" s="94">
        <v>5.6427431066433414E-2</v>
      </c>
      <c r="R138" s="134">
        <v>0.28199999999999997</v>
      </c>
      <c r="S138" s="94">
        <v>7.6285047826161176E-2</v>
      </c>
    </row>
    <row r="139" spans="1:33">
      <c r="A139" s="49" t="s">
        <v>451</v>
      </c>
      <c r="B139" s="135">
        <v>80</v>
      </c>
      <c r="C139" s="136">
        <v>0.32200000000000001</v>
      </c>
      <c r="D139" s="97">
        <v>0.10264633642350973</v>
      </c>
      <c r="E139" s="136">
        <v>0.247</v>
      </c>
      <c r="F139" s="97">
        <v>9.5603832886249088E-2</v>
      </c>
      <c r="G139" s="136">
        <v>0.41699999999999998</v>
      </c>
      <c r="H139" s="97">
        <v>0.10773677665471405</v>
      </c>
      <c r="I139" s="136">
        <v>1.4E-2</v>
      </c>
      <c r="J139" s="97">
        <v>4.1267573633845721E-2</v>
      </c>
      <c r="K139" s="135">
        <v>81</v>
      </c>
      <c r="L139" s="136">
        <v>0.76400000000000001</v>
      </c>
      <c r="M139" s="97">
        <v>9.3735367032781181E-2</v>
      </c>
      <c r="N139" s="136">
        <v>9.7000000000000003E-2</v>
      </c>
      <c r="O139" s="97">
        <v>6.9457356489041208E-2</v>
      </c>
      <c r="P139" s="136">
        <v>3.4000000000000002E-2</v>
      </c>
      <c r="Q139" s="97">
        <v>4.9847443814035296E-2</v>
      </c>
      <c r="R139" s="136">
        <v>0.104</v>
      </c>
      <c r="S139" s="97">
        <v>7.1157118201848057E-2</v>
      </c>
    </row>
    <row r="140" spans="1:33">
      <c r="A140" s="57" t="s">
        <v>452</v>
      </c>
      <c r="B140" s="133">
        <v>312</v>
      </c>
      <c r="C140" s="134">
        <v>0.32100000000000001</v>
      </c>
      <c r="D140" s="94">
        <v>5.2622975995121772E-2</v>
      </c>
      <c r="E140" s="134">
        <v>0.26300000000000001</v>
      </c>
      <c r="F140" s="94">
        <v>4.9713610188505557E-2</v>
      </c>
      <c r="G140" s="134">
        <v>0.41599999999999998</v>
      </c>
      <c r="H140" s="94">
        <v>5.5475105869043556E-2</v>
      </c>
      <c r="I140" s="134">
        <v>0</v>
      </c>
      <c r="J140" s="94">
        <v>8.9223487293389834E-3</v>
      </c>
      <c r="K140" s="133">
        <v>309</v>
      </c>
      <c r="L140" s="134">
        <v>0.54800000000000004</v>
      </c>
      <c r="M140" s="94">
        <v>5.6268924330612737E-2</v>
      </c>
      <c r="N140" s="134">
        <v>0.13400000000000001</v>
      </c>
      <c r="O140" s="94">
        <v>3.9070006511527158E-2</v>
      </c>
      <c r="P140" s="134">
        <v>0.19500000000000001</v>
      </c>
      <c r="Q140" s="94">
        <v>4.5124951581482331E-2</v>
      </c>
      <c r="R140" s="134">
        <v>0.123</v>
      </c>
      <c r="S140" s="94">
        <v>3.7744809518721389E-2</v>
      </c>
    </row>
    <row r="141" spans="1:33">
      <c r="A141" s="49" t="s">
        <v>445</v>
      </c>
      <c r="B141" s="135">
        <v>101</v>
      </c>
      <c r="C141" s="136">
        <v>0.28299999999999997</v>
      </c>
      <c r="D141" s="97">
        <v>8.8679282071874435E-2</v>
      </c>
      <c r="E141" s="136">
        <v>0.20799999999999999</v>
      </c>
      <c r="F141" s="97">
        <v>8.0736742240228254E-2</v>
      </c>
      <c r="G141" s="136">
        <v>0.50900000000000001</v>
      </c>
      <c r="H141" s="97">
        <v>9.7575378213105149E-2</v>
      </c>
      <c r="I141" s="136">
        <v>0</v>
      </c>
      <c r="J141" s="97">
        <v>2.6679621084077194E-2</v>
      </c>
      <c r="K141" s="135">
        <v>100</v>
      </c>
      <c r="L141" s="136">
        <v>0.70599999999999996</v>
      </c>
      <c r="M141" s="97">
        <v>9.0035363254236167E-2</v>
      </c>
      <c r="N141" s="136">
        <v>7.5999999999999998E-2</v>
      </c>
      <c r="O141" s="97">
        <v>5.6767739432953636E-2</v>
      </c>
      <c r="P141" s="136">
        <v>9.9000000000000005E-2</v>
      </c>
      <c r="Q141" s="97">
        <v>6.2428554977341448E-2</v>
      </c>
      <c r="R141" s="136">
        <v>0.11899999999999999</v>
      </c>
      <c r="S141" s="97">
        <v>6.6734403410410953E-2</v>
      </c>
      <c r="T141" s="249"/>
      <c r="U141" s="249"/>
      <c r="V141" s="249"/>
      <c r="W141" s="249"/>
      <c r="X141" s="249"/>
      <c r="Y141" s="249"/>
      <c r="Z141" s="249"/>
      <c r="AA141" s="249"/>
      <c r="AB141" s="249"/>
      <c r="AC141" s="249"/>
      <c r="AD141" s="249"/>
      <c r="AE141" s="249"/>
      <c r="AF141" s="249"/>
      <c r="AG141" s="249"/>
    </row>
    <row r="142" spans="1:33">
      <c r="A142" s="57" t="s">
        <v>446</v>
      </c>
      <c r="B142" s="133">
        <v>123</v>
      </c>
      <c r="C142" s="134">
        <v>0.38700000000000001</v>
      </c>
      <c r="D142" s="94">
        <v>8.658393216822681E-2</v>
      </c>
      <c r="E142" s="134">
        <v>0.28799999999999998</v>
      </c>
      <c r="F142" s="94">
        <v>8.0908723447230227E-2</v>
      </c>
      <c r="G142" s="134">
        <v>0.32500000000000001</v>
      </c>
      <c r="H142" s="94">
        <v>8.348204650169086E-2</v>
      </c>
      <c r="I142" s="134">
        <v>0</v>
      </c>
      <c r="J142" s="94">
        <v>2.2095020994736762E-2</v>
      </c>
      <c r="K142" s="133">
        <v>121</v>
      </c>
      <c r="L142" s="134">
        <v>0.502</v>
      </c>
      <c r="M142" s="94">
        <v>8.9442048617683165E-2</v>
      </c>
      <c r="N142" s="134">
        <v>0.15</v>
      </c>
      <c r="O142" s="94">
        <v>6.577891698713198E-2</v>
      </c>
      <c r="P142" s="134">
        <v>0.215</v>
      </c>
      <c r="Q142" s="94">
        <v>7.4595490609017379E-2</v>
      </c>
      <c r="R142" s="134">
        <v>0.13400000000000001</v>
      </c>
      <c r="S142" s="94">
        <v>6.3113868664438563E-2</v>
      </c>
      <c r="T142" s="249"/>
      <c r="U142" s="249"/>
      <c r="V142" s="249"/>
      <c r="W142" s="249"/>
      <c r="X142" s="249"/>
      <c r="Y142" s="249"/>
      <c r="Z142" s="249"/>
      <c r="AA142" s="249"/>
      <c r="AB142" s="249"/>
      <c r="AC142" s="249"/>
      <c r="AD142" s="249"/>
      <c r="AE142" s="249"/>
      <c r="AF142" s="249"/>
      <c r="AG142" s="249"/>
    </row>
    <row r="143" spans="1:33">
      <c r="A143" s="49" t="s">
        <v>447</v>
      </c>
      <c r="B143" s="135">
        <v>88</v>
      </c>
      <c r="C143" s="136">
        <v>0.27400000000000002</v>
      </c>
      <c r="D143" s="97">
        <v>9.4009444326544567E-2</v>
      </c>
      <c r="E143" s="136">
        <v>0.28699999999999998</v>
      </c>
      <c r="F143" s="97">
        <v>9.5209235652137708E-2</v>
      </c>
      <c r="G143" s="136">
        <v>0.439</v>
      </c>
      <c r="H143" s="97">
        <v>0.10354489284550977</v>
      </c>
      <c r="I143" s="136">
        <v>0</v>
      </c>
      <c r="J143" s="97">
        <v>3.0407765486097187E-2</v>
      </c>
      <c r="K143" s="135">
        <v>88</v>
      </c>
      <c r="L143" s="136">
        <v>0.437</v>
      </c>
      <c r="M143" s="97">
        <v>0.10349724373545746</v>
      </c>
      <c r="N143" s="136">
        <v>0.17599999999999999</v>
      </c>
      <c r="O143" s="97">
        <v>8.1814717896211017E-2</v>
      </c>
      <c r="P143" s="136">
        <v>0.27400000000000002</v>
      </c>
      <c r="Q143" s="97">
        <v>9.4009444326544567E-2</v>
      </c>
      <c r="R143" s="136">
        <v>0.113</v>
      </c>
      <c r="S143" s="97">
        <v>7.008419598010214E-2</v>
      </c>
      <c r="T143" s="249"/>
      <c r="U143" s="249"/>
      <c r="V143" s="249"/>
      <c r="W143" s="249"/>
      <c r="X143" s="249"/>
      <c r="Y143" s="249"/>
      <c r="Z143" s="249"/>
      <c r="AA143" s="249"/>
      <c r="AB143" s="249"/>
      <c r="AC143" s="249"/>
      <c r="AD143" s="249"/>
      <c r="AE143" s="249"/>
      <c r="AF143" s="249"/>
      <c r="AG143" s="249"/>
    </row>
    <row r="144" spans="1:33">
      <c r="A144" s="57" t="s">
        <v>453</v>
      </c>
      <c r="B144" s="133">
        <v>83</v>
      </c>
      <c r="C144" s="134">
        <v>0.50700000000000001</v>
      </c>
      <c r="D144" s="94">
        <v>0.10720169027804771</v>
      </c>
      <c r="E144" s="134">
        <v>0.19700000000000001</v>
      </c>
      <c r="F144" s="94">
        <v>8.7477848276411627E-2</v>
      </c>
      <c r="G144" s="134">
        <v>0.29599999999999999</v>
      </c>
      <c r="H144" s="94">
        <v>9.8756122966441887E-2</v>
      </c>
      <c r="I144" s="134">
        <v>0</v>
      </c>
      <c r="J144" s="94">
        <v>3.2134798233390625E-2</v>
      </c>
      <c r="K144" s="133">
        <v>82</v>
      </c>
      <c r="L144" s="134">
        <v>0.63100000000000001</v>
      </c>
      <c r="M144" s="94">
        <v>0.10441381160547042</v>
      </c>
      <c r="N144" s="134">
        <v>9.7000000000000003E-2</v>
      </c>
      <c r="O144" s="94">
        <v>6.8995270968022132E-2</v>
      </c>
      <c r="P144" s="134">
        <v>0.219</v>
      </c>
      <c r="Q144" s="94">
        <v>9.1043917458053694E-2</v>
      </c>
      <c r="R144" s="134">
        <v>5.1999999999999998E-2</v>
      </c>
      <c r="S144" s="94">
        <v>5.6044811905762659E-2</v>
      </c>
      <c r="T144" s="249"/>
      <c r="U144" s="249"/>
      <c r="V144" s="249"/>
      <c r="W144" s="249"/>
      <c r="X144" s="249"/>
      <c r="Y144" s="249"/>
      <c r="Z144" s="249"/>
      <c r="AA144" s="249"/>
      <c r="AB144" s="249"/>
      <c r="AC144" s="249"/>
      <c r="AD144" s="249"/>
      <c r="AE144" s="249"/>
      <c r="AF144" s="249"/>
      <c r="AG144" s="249"/>
    </row>
    <row r="145" spans="1:33">
      <c r="A145" s="49" t="s">
        <v>459</v>
      </c>
      <c r="B145" s="135">
        <v>38</v>
      </c>
      <c r="C145" s="136">
        <v>0.36899999999999999</v>
      </c>
      <c r="D145" s="97">
        <v>0.14990540082902559</v>
      </c>
      <c r="E145" s="136">
        <v>0.22700000000000001</v>
      </c>
      <c r="F145" s="97">
        <v>0.13416088422913311</v>
      </c>
      <c r="G145" s="136">
        <v>0.36599999999999999</v>
      </c>
      <c r="H145" s="97">
        <v>0.14969853015248077</v>
      </c>
      <c r="I145" s="136">
        <v>3.6999999999999998E-2</v>
      </c>
      <c r="J145" s="97">
        <v>8.4243863958275614E-2</v>
      </c>
      <c r="K145" s="135">
        <v>37</v>
      </c>
      <c r="L145" s="136">
        <v>0.48899999999999999</v>
      </c>
      <c r="M145" s="97">
        <v>0.15614297952421782</v>
      </c>
      <c r="N145" s="136">
        <v>0.189</v>
      </c>
      <c r="O145" s="97">
        <v>0.12924953586434035</v>
      </c>
      <c r="P145" s="136">
        <v>0.20799999999999999</v>
      </c>
      <c r="Q145" s="97">
        <v>0.13272429631162366</v>
      </c>
      <c r="R145" s="136">
        <v>0.114</v>
      </c>
      <c r="S145" s="97">
        <v>0.11203580650024832</v>
      </c>
      <c r="T145" s="249"/>
      <c r="U145" s="249"/>
      <c r="V145" s="249"/>
      <c r="W145" s="249"/>
      <c r="X145" s="249"/>
      <c r="Y145" s="249"/>
      <c r="Z145" s="249"/>
      <c r="AA145" s="249"/>
      <c r="AB145" s="249"/>
      <c r="AC145" s="249"/>
      <c r="AD145" s="249"/>
      <c r="AE145" s="249"/>
      <c r="AF145" s="249"/>
      <c r="AG145" s="249"/>
    </row>
    <row r="147" spans="1:33">
      <c r="R147" s="249"/>
      <c r="S147" s="249"/>
      <c r="T147" s="249"/>
      <c r="U147" s="249"/>
      <c r="V147" s="249"/>
      <c r="W147" s="249"/>
      <c r="X147" s="249"/>
      <c r="Y147" s="249"/>
      <c r="Z147" s="249"/>
      <c r="AA147" s="249"/>
      <c r="AB147" s="249"/>
      <c r="AC147" s="249"/>
      <c r="AD147" s="249"/>
      <c r="AE147" s="249"/>
    </row>
    <row r="148" spans="1:33" ht="18.75">
      <c r="A148" s="322" t="s">
        <v>255</v>
      </c>
      <c r="B148" s="322"/>
      <c r="C148" s="322"/>
      <c r="D148" s="322"/>
      <c r="E148" s="322"/>
      <c r="F148" s="322"/>
      <c r="G148" s="322"/>
      <c r="H148" s="322"/>
      <c r="I148" s="322"/>
      <c r="J148" s="322"/>
      <c r="K148" s="322"/>
      <c r="L148" s="322"/>
      <c r="M148" s="322"/>
      <c r="N148" s="322"/>
      <c r="O148" s="322"/>
      <c r="P148" s="322"/>
      <c r="Q148" s="322"/>
      <c r="R148" s="322"/>
      <c r="S148" s="322"/>
      <c r="T148" s="322"/>
      <c r="U148" s="322"/>
      <c r="V148" s="322"/>
      <c r="W148" s="322"/>
      <c r="X148" s="227"/>
      <c r="Y148" s="227"/>
      <c r="Z148" s="227"/>
      <c r="AA148" s="227"/>
      <c r="AB148" s="227"/>
      <c r="AC148" s="227"/>
      <c r="AD148" s="249"/>
      <c r="AE148" s="249"/>
    </row>
    <row r="149" spans="1:33" ht="57.75" customHeight="1">
      <c r="A149" s="358" t="s">
        <v>490</v>
      </c>
      <c r="B149" s="358"/>
      <c r="C149" s="358"/>
      <c r="D149" s="358"/>
      <c r="E149" s="358"/>
      <c r="F149" s="358"/>
      <c r="G149" s="358"/>
      <c r="H149" s="358"/>
      <c r="I149" s="358"/>
      <c r="J149" s="358"/>
      <c r="K149" s="358"/>
      <c r="L149" s="358"/>
      <c r="M149" s="358"/>
      <c r="N149" s="358"/>
      <c r="O149" s="358"/>
      <c r="P149" s="358"/>
      <c r="Q149" s="358"/>
      <c r="R149" s="358"/>
      <c r="S149" s="358"/>
      <c r="T149" s="358"/>
      <c r="U149" s="358"/>
      <c r="V149" s="358"/>
      <c r="W149" s="358"/>
      <c r="X149" s="230"/>
      <c r="Y149" s="230"/>
      <c r="Z149" s="230"/>
      <c r="AA149" s="230"/>
      <c r="AB149" s="230"/>
      <c r="AC149" s="230"/>
      <c r="AD149" s="249"/>
      <c r="AE149" s="249"/>
    </row>
    <row r="150" spans="1:33" ht="41.25" customHeight="1">
      <c r="A150" s="64"/>
      <c r="B150" s="353" t="s">
        <v>256</v>
      </c>
      <c r="C150" s="354"/>
      <c r="D150" s="354"/>
      <c r="E150" s="354"/>
      <c r="F150" s="354"/>
      <c r="G150" s="354"/>
      <c r="H150" s="354"/>
      <c r="I150" s="354"/>
      <c r="J150" s="354"/>
      <c r="K150" s="354"/>
      <c r="L150" s="355"/>
      <c r="M150" s="356" t="s">
        <v>390</v>
      </c>
      <c r="N150" s="357"/>
      <c r="O150" s="357"/>
      <c r="P150" s="357"/>
      <c r="Q150" s="357"/>
      <c r="R150" s="357"/>
      <c r="S150" s="357"/>
      <c r="T150" s="357"/>
      <c r="U150" s="357"/>
      <c r="V150" s="357"/>
      <c r="W150" s="357"/>
      <c r="X150" s="249"/>
      <c r="Y150" s="249"/>
      <c r="Z150" s="249"/>
      <c r="AA150" s="249"/>
      <c r="AB150" s="249"/>
      <c r="AC150" s="249"/>
      <c r="AD150" s="249"/>
      <c r="AE150" s="249"/>
      <c r="AF150" s="249"/>
      <c r="AG150" s="249"/>
    </row>
    <row r="151" spans="1:33" ht="40.5" customHeight="1">
      <c r="A151" s="37" t="s">
        <v>85</v>
      </c>
      <c r="B151" s="38" t="s">
        <v>86</v>
      </c>
      <c r="C151" s="39" t="s">
        <v>87</v>
      </c>
      <c r="D151" s="40" t="s">
        <v>88</v>
      </c>
      <c r="E151" s="38" t="s">
        <v>257</v>
      </c>
      <c r="F151" s="89" t="s">
        <v>317</v>
      </c>
      <c r="G151" s="38" t="s">
        <v>258</v>
      </c>
      <c r="H151" s="89" t="s">
        <v>318</v>
      </c>
      <c r="I151" s="38" t="s">
        <v>259</v>
      </c>
      <c r="J151" s="89" t="s">
        <v>319</v>
      </c>
      <c r="K151" s="38" t="s">
        <v>356</v>
      </c>
      <c r="L151" s="89" t="s">
        <v>320</v>
      </c>
      <c r="M151" s="65" t="s">
        <v>86</v>
      </c>
      <c r="N151" s="66" t="s">
        <v>87</v>
      </c>
      <c r="O151" s="67" t="s">
        <v>88</v>
      </c>
      <c r="P151" s="65" t="s">
        <v>426</v>
      </c>
      <c r="Q151" s="88" t="s">
        <v>427</v>
      </c>
      <c r="R151" s="65" t="s">
        <v>422</v>
      </c>
      <c r="S151" s="88" t="s">
        <v>424</v>
      </c>
      <c r="T151" s="65" t="s">
        <v>428</v>
      </c>
      <c r="U151" s="88" t="s">
        <v>429</v>
      </c>
      <c r="V151" s="65" t="s">
        <v>356</v>
      </c>
      <c r="W151" s="88" t="s">
        <v>370</v>
      </c>
    </row>
    <row r="152" spans="1:33" ht="55.5" customHeight="1">
      <c r="A152" s="41"/>
      <c r="B152" s="42" t="s">
        <v>89</v>
      </c>
      <c r="C152" s="43" t="s">
        <v>359</v>
      </c>
      <c r="D152" s="44" t="s">
        <v>91</v>
      </c>
      <c r="E152" s="42" t="s">
        <v>181</v>
      </c>
      <c r="F152" s="91" t="s">
        <v>104</v>
      </c>
      <c r="G152" s="42" t="s">
        <v>182</v>
      </c>
      <c r="H152" s="91" t="s">
        <v>104</v>
      </c>
      <c r="I152" s="42" t="s">
        <v>183</v>
      </c>
      <c r="J152" s="91" t="s">
        <v>104</v>
      </c>
      <c r="K152" s="42" t="s">
        <v>356</v>
      </c>
      <c r="L152" s="91" t="s">
        <v>104</v>
      </c>
      <c r="M152" s="68" t="s">
        <v>89</v>
      </c>
      <c r="N152" s="69" t="s">
        <v>358</v>
      </c>
      <c r="O152" s="70" t="s">
        <v>91</v>
      </c>
      <c r="P152" s="68" t="s">
        <v>421</v>
      </c>
      <c r="Q152" s="90" t="s">
        <v>104</v>
      </c>
      <c r="R152" s="68" t="s">
        <v>423</v>
      </c>
      <c r="S152" s="90" t="s">
        <v>104</v>
      </c>
      <c r="T152" s="68" t="s">
        <v>181</v>
      </c>
      <c r="U152" s="90" t="s">
        <v>104</v>
      </c>
      <c r="V152" s="68" t="s">
        <v>356</v>
      </c>
      <c r="W152" s="90" t="s">
        <v>104</v>
      </c>
    </row>
    <row r="153" spans="1:33">
      <c r="A153" s="45" t="s">
        <v>434</v>
      </c>
      <c r="B153" s="133">
        <v>10986</v>
      </c>
      <c r="C153" s="84">
        <v>3.84</v>
      </c>
      <c r="D153" s="85">
        <v>3.9199999999999999E-2</v>
      </c>
      <c r="E153" s="134">
        <v>0.372</v>
      </c>
      <c r="F153" s="94">
        <v>9.2213291604924599E-3</v>
      </c>
      <c r="G153" s="134">
        <v>0.20100000000000001</v>
      </c>
      <c r="H153" s="94">
        <v>7.6469900762182247E-3</v>
      </c>
      <c r="I153" s="134">
        <v>0.33300000000000002</v>
      </c>
      <c r="J153" s="94">
        <v>8.9915802829965766E-3</v>
      </c>
      <c r="K153" s="134">
        <v>9.5000000000000001E-2</v>
      </c>
      <c r="L153" s="94">
        <v>5.5978150464278675E-3</v>
      </c>
      <c r="M153" s="133">
        <v>11034</v>
      </c>
      <c r="N153" s="84">
        <v>4.9800000000000004</v>
      </c>
      <c r="O153" s="85">
        <v>3.9199999999999999E-2</v>
      </c>
      <c r="P153" s="134">
        <v>0.38100000000000001</v>
      </c>
      <c r="Q153" s="94">
        <v>9.244896666070538E-3</v>
      </c>
      <c r="R153" s="134">
        <v>0.36</v>
      </c>
      <c r="S153" s="94">
        <v>9.1377531917335442E-3</v>
      </c>
      <c r="T153" s="134">
        <v>0.16499999999999998</v>
      </c>
      <c r="U153" s="94">
        <v>7.0680261106335265E-3</v>
      </c>
      <c r="V153" s="134">
        <v>9.4E-2</v>
      </c>
      <c r="W153" s="94">
        <v>5.5592623804324786E-3</v>
      </c>
    </row>
    <row r="154" spans="1:33">
      <c r="A154" s="49" t="s">
        <v>435</v>
      </c>
      <c r="B154" s="135">
        <v>8843</v>
      </c>
      <c r="C154" s="120">
        <v>3.5580334017750359</v>
      </c>
      <c r="D154" s="121">
        <v>3.5205747215694458E-2</v>
      </c>
      <c r="E154" s="136">
        <v>0.44755025397974407</v>
      </c>
      <c r="F154" s="97">
        <v>1.0573078565918758E-2</v>
      </c>
      <c r="G154" s="136">
        <v>0.19560055590521888</v>
      </c>
      <c r="H154" s="97">
        <v>8.4366199320657278E-3</v>
      </c>
      <c r="I154" s="136">
        <v>0.26601356653352071</v>
      </c>
      <c r="J154" s="97">
        <v>9.3968638004405108E-3</v>
      </c>
      <c r="K154" s="136">
        <v>9.0835623581516298E-2</v>
      </c>
      <c r="L154" s="97">
        <v>6.1161607456334324E-3</v>
      </c>
      <c r="M154" s="135">
        <v>8886</v>
      </c>
      <c r="N154" s="120">
        <v>5.1718082437059056</v>
      </c>
      <c r="O154" s="121">
        <v>3.4378517326994228E-2</v>
      </c>
      <c r="P154" s="136">
        <v>0.43629160755960167</v>
      </c>
      <c r="Q154" s="97">
        <v>1.0519570755543177E-2</v>
      </c>
      <c r="R154" s="136">
        <v>0.34573865969498879</v>
      </c>
      <c r="S154" s="97">
        <v>1.0089026621869638E-2</v>
      </c>
      <c r="T154" s="136">
        <v>0.13416039792602819</v>
      </c>
      <c r="U154" s="97">
        <v>7.233275132119691E-3</v>
      </c>
      <c r="V154" s="136">
        <v>8.3809334819381284E-2</v>
      </c>
      <c r="W154" s="97">
        <v>5.8838081707965027E-3</v>
      </c>
    </row>
    <row r="155" spans="1:33">
      <c r="A155" s="45" t="s">
        <v>436</v>
      </c>
      <c r="B155" s="83">
        <v>1980</v>
      </c>
      <c r="C155" s="84">
        <v>4.33</v>
      </c>
      <c r="D155" s="85">
        <v>7.8399999999999997E-2</v>
      </c>
      <c r="E155" s="134">
        <v>0.24279999999999999</v>
      </c>
      <c r="F155" s="94">
        <v>1.9266521627966812E-2</v>
      </c>
      <c r="G155" s="134">
        <v>0.20399999999999999</v>
      </c>
      <c r="H155" s="94">
        <v>1.8113493799576698E-2</v>
      </c>
      <c r="I155" s="134">
        <v>0.43930000000000002</v>
      </c>
      <c r="J155" s="94">
        <v>2.2285281552332042E-2</v>
      </c>
      <c r="K155" s="134">
        <v>0.1139</v>
      </c>
      <c r="L155" s="94">
        <v>1.430706497763082E-2</v>
      </c>
      <c r="M155" s="83">
        <v>1986</v>
      </c>
      <c r="N155" s="84">
        <v>4.63</v>
      </c>
      <c r="O155" s="85">
        <v>7.8399999999999997E-2</v>
      </c>
      <c r="P155" s="134">
        <v>0.2752</v>
      </c>
      <c r="Q155" s="94">
        <v>2.0033535289778068E-2</v>
      </c>
      <c r="R155" s="134">
        <v>0.39749999999999996</v>
      </c>
      <c r="S155" s="94">
        <v>2.1942636210911051E-2</v>
      </c>
      <c r="T155" s="134">
        <v>0.20550000000000002</v>
      </c>
      <c r="U155" s="94">
        <v>1.8135063563790521E-2</v>
      </c>
      <c r="V155" s="134">
        <v>0.12189999999999999</v>
      </c>
      <c r="W155" s="94">
        <v>1.4707501548837085E-2</v>
      </c>
    </row>
    <row r="156" spans="1:33">
      <c r="A156" s="49" t="s">
        <v>437</v>
      </c>
      <c r="B156" s="135">
        <v>3071</v>
      </c>
      <c r="C156" s="120">
        <v>4.01</v>
      </c>
      <c r="D156" s="121">
        <v>5.8799999999999998E-2</v>
      </c>
      <c r="E156" s="136">
        <v>0.34100000000000003</v>
      </c>
      <c r="F156" s="97">
        <v>1.7099792379435472E-2</v>
      </c>
      <c r="G156" s="136">
        <v>0.186</v>
      </c>
      <c r="H156" s="97">
        <v>1.4045702086396784E-2</v>
      </c>
      <c r="I156" s="136">
        <v>0.377</v>
      </c>
      <c r="J156" s="97">
        <v>1.7480687021158733E-2</v>
      </c>
      <c r="K156" s="136">
        <v>9.7000000000000003E-2</v>
      </c>
      <c r="L156" s="97">
        <v>1.069994317529498E-2</v>
      </c>
      <c r="M156" s="135">
        <v>3079</v>
      </c>
      <c r="N156" s="120">
        <v>4.83</v>
      </c>
      <c r="O156" s="121">
        <v>5.8799999999999998E-2</v>
      </c>
      <c r="P156" s="136">
        <v>0.35199999999999998</v>
      </c>
      <c r="Q156" s="97">
        <v>1.7205057802195719E-2</v>
      </c>
      <c r="R156" s="136">
        <v>0.36299999999999999</v>
      </c>
      <c r="S156" s="97">
        <v>1.7322555614248121E-2</v>
      </c>
      <c r="T156" s="136">
        <v>0.19</v>
      </c>
      <c r="U156" s="97">
        <v>1.4142099189442172E-2</v>
      </c>
      <c r="V156" s="136">
        <v>9.5000000000000001E-2</v>
      </c>
      <c r="W156" s="97">
        <v>1.0587684219311094E-2</v>
      </c>
    </row>
    <row r="157" spans="1:33">
      <c r="A157" s="45" t="s">
        <v>438</v>
      </c>
      <c r="B157" s="83">
        <v>2480</v>
      </c>
      <c r="C157" s="84">
        <v>3.8</v>
      </c>
      <c r="D157" s="85">
        <v>5.8799999999999998E-2</v>
      </c>
      <c r="E157" s="134">
        <v>0.39100000000000001</v>
      </c>
      <c r="F157" s="94">
        <v>1.958330951922618E-2</v>
      </c>
      <c r="G157" s="134">
        <v>0.17799999999999999</v>
      </c>
      <c r="H157" s="94">
        <v>1.5367199371679286E-2</v>
      </c>
      <c r="I157" s="134">
        <v>0.32300000000000001</v>
      </c>
      <c r="J157" s="94">
        <v>1.8769378276565742E-2</v>
      </c>
      <c r="K157" s="134">
        <v>0.107</v>
      </c>
      <c r="L157" s="94">
        <v>1.2436506685372261E-2</v>
      </c>
      <c r="M157" s="83">
        <v>2488</v>
      </c>
      <c r="N157" s="84">
        <v>4.8899999999999997</v>
      </c>
      <c r="O157" s="85">
        <v>5.8799999999999998E-2</v>
      </c>
      <c r="P157" s="134">
        <v>0.36799999999999999</v>
      </c>
      <c r="Q157" s="94">
        <v>1.9323714042639106E-2</v>
      </c>
      <c r="R157" s="134">
        <v>0.35199999999999998</v>
      </c>
      <c r="S157" s="94">
        <v>1.9137345159312463E-2</v>
      </c>
      <c r="T157" s="134">
        <v>0.17799999999999999</v>
      </c>
      <c r="U157" s="94">
        <v>1.534245710567512E-2</v>
      </c>
      <c r="V157" s="134">
        <v>0.10100000000000001</v>
      </c>
      <c r="W157" s="94">
        <v>1.2106381618169617E-2</v>
      </c>
    </row>
    <row r="158" spans="1:33">
      <c r="A158" s="49" t="s">
        <v>449</v>
      </c>
      <c r="B158" s="135">
        <v>296</v>
      </c>
      <c r="C158" s="120">
        <v>4.04</v>
      </c>
      <c r="D158" s="121">
        <v>0.1764</v>
      </c>
      <c r="E158" s="136">
        <v>0.32200000000000001</v>
      </c>
      <c r="F158" s="97">
        <v>5.4056177439839447E-2</v>
      </c>
      <c r="G158" s="136">
        <v>0.14299999999999999</v>
      </c>
      <c r="H158" s="97">
        <v>4.0975925029216848E-2</v>
      </c>
      <c r="I158" s="136">
        <v>0.39800000000000002</v>
      </c>
      <c r="J158" s="97">
        <v>5.6553407253674824E-2</v>
      </c>
      <c r="K158" s="136">
        <v>0.13800000000000001</v>
      </c>
      <c r="L158" s="97">
        <v>4.0402509815695951E-2</v>
      </c>
      <c r="M158" s="135">
        <v>295</v>
      </c>
      <c r="N158" s="120">
        <v>4.96</v>
      </c>
      <c r="O158" s="121">
        <v>0.19600000000000001</v>
      </c>
      <c r="P158" s="136">
        <v>0.40799999999999997</v>
      </c>
      <c r="Q158" s="97">
        <v>5.6870556152821876E-2</v>
      </c>
      <c r="R158" s="136">
        <v>0.32399999999999995</v>
      </c>
      <c r="S158" s="97">
        <v>5.4231911961536483E-2</v>
      </c>
      <c r="T158" s="136">
        <v>0.161</v>
      </c>
      <c r="U158" s="97">
        <v>4.2987630184359769E-2</v>
      </c>
      <c r="V158" s="136">
        <v>0.107</v>
      </c>
      <c r="W158" s="97">
        <v>3.6512841585003515E-2</v>
      </c>
    </row>
    <row r="159" spans="1:33">
      <c r="A159" s="45" t="s">
        <v>439</v>
      </c>
      <c r="B159" s="83">
        <v>147</v>
      </c>
      <c r="C159" s="84">
        <v>4.24</v>
      </c>
      <c r="D159" s="85">
        <v>0.25480000000000003</v>
      </c>
      <c r="E159" s="134">
        <v>0.26900000000000002</v>
      </c>
      <c r="F159" s="94">
        <v>7.268340641115105E-2</v>
      </c>
      <c r="G159" s="134">
        <v>0.17</v>
      </c>
      <c r="H159" s="94">
        <v>6.2358314893582817E-2</v>
      </c>
      <c r="I159" s="134">
        <v>0.44400000000000001</v>
      </c>
      <c r="J159" s="94">
        <v>8.0893674813943536E-2</v>
      </c>
      <c r="K159" s="134">
        <v>0.11700000000000001</v>
      </c>
      <c r="L159" s="94">
        <v>5.4220464237298364E-2</v>
      </c>
      <c r="M159" s="83">
        <v>146</v>
      </c>
      <c r="N159" s="84">
        <v>4.7699999999999996</v>
      </c>
      <c r="O159" s="85">
        <v>0.25480000000000003</v>
      </c>
      <c r="P159" s="134">
        <v>0.375</v>
      </c>
      <c r="Q159" s="94">
        <v>7.9195491828297437E-2</v>
      </c>
      <c r="R159" s="134">
        <v>0.33699999999999997</v>
      </c>
      <c r="S159" s="94">
        <v>7.7430247289152182E-2</v>
      </c>
      <c r="T159" s="134">
        <v>0.193</v>
      </c>
      <c r="U159" s="94">
        <v>6.5464614731364043E-2</v>
      </c>
      <c r="V159" s="134">
        <v>9.5000000000000001E-2</v>
      </c>
      <c r="W159" s="94">
        <v>5.0227843539880017E-2</v>
      </c>
    </row>
    <row r="160" spans="1:33" ht="28.5" customHeight="1">
      <c r="A160" s="49" t="s">
        <v>440</v>
      </c>
      <c r="B160" s="135">
        <v>94</v>
      </c>
      <c r="C160" s="120">
        <v>3.2</v>
      </c>
      <c r="D160" s="121">
        <v>0.31359999999999999</v>
      </c>
      <c r="E160" s="136">
        <v>0.49</v>
      </c>
      <c r="F160" s="97">
        <v>0.10099666526482193</v>
      </c>
      <c r="G160" s="136">
        <v>0.111</v>
      </c>
      <c r="H160" s="97">
        <v>6.724297643847256E-2</v>
      </c>
      <c r="I160" s="136">
        <v>0.20300000000000001</v>
      </c>
      <c r="J160" s="97">
        <v>8.301580398459539E-2</v>
      </c>
      <c r="K160" s="136">
        <v>0.19600000000000001</v>
      </c>
      <c r="L160" s="97">
        <v>8.2058764595416778E-2</v>
      </c>
      <c r="M160" s="135">
        <v>94</v>
      </c>
      <c r="N160" s="120">
        <v>5.63</v>
      </c>
      <c r="O160" s="121">
        <v>0.29399999999999998</v>
      </c>
      <c r="P160" s="136">
        <v>0.48899999999999999</v>
      </c>
      <c r="Q160" s="97">
        <v>0.10099276110012237</v>
      </c>
      <c r="R160" s="136">
        <v>0.371</v>
      </c>
      <c r="S160" s="97">
        <v>9.7873246960822932E-2</v>
      </c>
      <c r="T160" s="136">
        <v>1.8000000000000002E-2</v>
      </c>
      <c r="U160" s="97">
        <v>3.8467680095376218E-2</v>
      </c>
      <c r="V160" s="136">
        <v>0.122</v>
      </c>
      <c r="W160" s="97">
        <v>6.9558948479827701E-2</v>
      </c>
    </row>
    <row r="161" spans="1:23">
      <c r="A161" s="45" t="s">
        <v>475</v>
      </c>
      <c r="B161" s="83">
        <v>266</v>
      </c>
      <c r="C161" s="84">
        <v>3.3</v>
      </c>
      <c r="D161" s="85">
        <v>0.19600000000000001</v>
      </c>
      <c r="E161" s="134">
        <v>0.51900000000000002</v>
      </c>
      <c r="F161" s="94">
        <v>6.0815399738878499E-2</v>
      </c>
      <c r="G161" s="134">
        <v>0.17499999999999999</v>
      </c>
      <c r="H161" s="94">
        <v>4.6743024385570674E-2</v>
      </c>
      <c r="I161" s="134">
        <v>0.23300000000000001</v>
      </c>
      <c r="J161" s="94">
        <v>5.1755496433377839E-2</v>
      </c>
      <c r="K161" s="134">
        <v>7.2999999999999995E-2</v>
      </c>
      <c r="L161" s="94">
        <v>3.2893390848465778E-2</v>
      </c>
      <c r="M161" s="83">
        <v>266</v>
      </c>
      <c r="N161" s="84">
        <v>5.36</v>
      </c>
      <c r="O161" s="85">
        <v>0.19600000000000001</v>
      </c>
      <c r="P161" s="134">
        <v>0.46600000000000003</v>
      </c>
      <c r="Q161" s="94">
        <v>6.0721342655144069E-2</v>
      </c>
      <c r="R161" s="134">
        <v>0.35699999999999998</v>
      </c>
      <c r="S161" s="94">
        <v>5.8392339448808978E-2</v>
      </c>
      <c r="T161" s="134">
        <v>0.11600000000000001</v>
      </c>
      <c r="U161" s="94">
        <v>3.9792182967657158E-2</v>
      </c>
      <c r="V161" s="134">
        <v>6.0999999999999999E-2</v>
      </c>
      <c r="W161" s="94">
        <v>3.0537640086848079E-2</v>
      </c>
    </row>
    <row r="162" spans="1:23">
      <c r="A162" s="49" t="s">
        <v>441</v>
      </c>
      <c r="B162" s="135">
        <v>83</v>
      </c>
      <c r="C162" s="120">
        <v>3.16</v>
      </c>
      <c r="D162" s="121">
        <v>0.3528</v>
      </c>
      <c r="E162" s="136">
        <v>0.63300000000000001</v>
      </c>
      <c r="F162" s="97">
        <v>0.10370164591307651</v>
      </c>
      <c r="G162" s="136">
        <v>0.14899999999999999</v>
      </c>
      <c r="H162" s="97">
        <v>7.9616146565487309E-2</v>
      </c>
      <c r="I162" s="136">
        <v>0.19800000000000001</v>
      </c>
      <c r="J162" s="97">
        <v>8.7622434510242653E-2</v>
      </c>
      <c r="K162" s="136">
        <v>2.1000000000000001E-2</v>
      </c>
      <c r="L162" s="97">
        <v>4.3508229352793019E-2</v>
      </c>
      <c r="M162" s="135">
        <v>83</v>
      </c>
      <c r="N162" s="120">
        <v>5.71</v>
      </c>
      <c r="O162" s="121">
        <v>0.39200000000000002</v>
      </c>
      <c r="P162" s="136">
        <v>0.59799999999999998</v>
      </c>
      <c r="Q162" s="97">
        <v>0.10532027229068752</v>
      </c>
      <c r="R162" s="136">
        <v>0.28600000000000003</v>
      </c>
      <c r="S162" s="97">
        <v>9.7866509818335848E-2</v>
      </c>
      <c r="T162" s="136">
        <v>7.5999999999999998E-2</v>
      </c>
      <c r="U162" s="97">
        <v>6.3018005287554246E-2</v>
      </c>
      <c r="V162" s="136">
        <v>0.04</v>
      </c>
      <c r="W162" s="97">
        <v>5.1376533430428376E-2</v>
      </c>
    </row>
    <row r="163" spans="1:23" ht="25.5">
      <c r="A163" s="45" t="s">
        <v>442</v>
      </c>
      <c r="B163" s="133">
        <v>108</v>
      </c>
      <c r="C163" s="117">
        <v>2.93</v>
      </c>
      <c r="D163" s="118">
        <v>0.29399999999999998</v>
      </c>
      <c r="E163" s="134">
        <v>0.59499999999999997</v>
      </c>
      <c r="F163" s="94">
        <v>9.2891667198476621E-2</v>
      </c>
      <c r="G163" s="134">
        <v>0.18099999999999999</v>
      </c>
      <c r="H163" s="94">
        <v>7.4493011576174356E-2</v>
      </c>
      <c r="I163" s="134">
        <v>0.156</v>
      </c>
      <c r="J163" s="94">
        <v>7.0701998520212889E-2</v>
      </c>
      <c r="K163" s="134">
        <v>6.8000000000000005E-2</v>
      </c>
      <c r="L163" s="94">
        <v>5.2259054204565218E-2</v>
      </c>
      <c r="M163" s="133">
        <v>108</v>
      </c>
      <c r="N163" s="117">
        <v>5.4</v>
      </c>
      <c r="O163" s="118">
        <v>0.27440000000000003</v>
      </c>
      <c r="P163" s="134">
        <v>0.5</v>
      </c>
      <c r="Q163" s="94">
        <v>9.4491118252306799E-2</v>
      </c>
      <c r="R163" s="134">
        <v>0.32500000000000001</v>
      </c>
      <c r="S163" s="94">
        <v>8.8946901797003097E-2</v>
      </c>
      <c r="T163" s="134">
        <v>0.123</v>
      </c>
      <c r="U163" s="94">
        <v>6.4873994470262861E-2</v>
      </c>
      <c r="V163" s="134">
        <v>5.2999999999999999E-2</v>
      </c>
      <c r="W163" s="94">
        <v>4.7886850644515616E-2</v>
      </c>
    </row>
    <row r="164" spans="1:23">
      <c r="A164" s="49" t="s">
        <v>462</v>
      </c>
      <c r="B164" s="135">
        <v>71</v>
      </c>
      <c r="C164" s="120">
        <v>3.9</v>
      </c>
      <c r="D164" s="121">
        <v>0.43119999999999997</v>
      </c>
      <c r="E164" s="136">
        <v>0.32400000000000001</v>
      </c>
      <c r="F164" s="97">
        <v>0.1088705646549897</v>
      </c>
      <c r="G164" s="136">
        <v>0.17899999999999999</v>
      </c>
      <c r="H164" s="97">
        <v>9.1697166979138461E-2</v>
      </c>
      <c r="I164" s="136">
        <v>0.36099999999999999</v>
      </c>
      <c r="J164" s="97">
        <v>0.11139956891731208</v>
      </c>
      <c r="K164" s="136">
        <v>0.13600000000000001</v>
      </c>
      <c r="L164" s="97">
        <v>8.3669199161318E-2</v>
      </c>
      <c r="M164" s="135">
        <v>71</v>
      </c>
      <c r="N164" s="120">
        <v>4.87</v>
      </c>
      <c r="O164" s="121">
        <v>0.39200000000000002</v>
      </c>
      <c r="P164" s="136">
        <v>0.26100000000000001</v>
      </c>
      <c r="Q164" s="97">
        <v>0.10297169297900741</v>
      </c>
      <c r="R164" s="136">
        <v>0.48599999999999999</v>
      </c>
      <c r="S164" s="97">
        <v>0.11542948188524584</v>
      </c>
      <c r="T164" s="136">
        <v>0.16</v>
      </c>
      <c r="U164" s="97">
        <v>8.836344610418613E-2</v>
      </c>
      <c r="V164" s="136">
        <v>9.2999999999999999E-2</v>
      </c>
      <c r="W164" s="97">
        <v>7.3593132755310403E-2</v>
      </c>
    </row>
    <row r="165" spans="1:23">
      <c r="A165" s="45" t="s">
        <v>450</v>
      </c>
      <c r="B165" s="83">
        <v>309</v>
      </c>
      <c r="C165" s="84">
        <v>4.1500000000000004</v>
      </c>
      <c r="D165" s="85">
        <v>0.19600000000000001</v>
      </c>
      <c r="E165" s="134">
        <v>0.28299999999999997</v>
      </c>
      <c r="F165" s="94">
        <v>5.1072442727679503E-2</v>
      </c>
      <c r="G165" s="134">
        <v>0.16600000000000001</v>
      </c>
      <c r="H165" s="94">
        <v>4.2490675929326788E-2</v>
      </c>
      <c r="I165" s="134">
        <v>0.376</v>
      </c>
      <c r="J165" s="94">
        <v>5.4803102176998991E-2</v>
      </c>
      <c r="K165" s="134">
        <v>0.17499999999999999</v>
      </c>
      <c r="L165" s="94">
        <v>4.3351218909200899E-2</v>
      </c>
      <c r="M165" s="83">
        <v>311</v>
      </c>
      <c r="N165" s="84">
        <v>4.67</v>
      </c>
      <c r="O165" s="85">
        <v>0.19600000000000001</v>
      </c>
      <c r="P165" s="134">
        <v>0.29399999999999998</v>
      </c>
      <c r="Q165" s="94">
        <v>5.1471662339694121E-2</v>
      </c>
      <c r="R165" s="134">
        <v>0.35299999999999998</v>
      </c>
      <c r="S165" s="94">
        <v>5.3917787571250389E-2</v>
      </c>
      <c r="T165" s="134">
        <v>0.188</v>
      </c>
      <c r="U165" s="94">
        <v>4.4381110221967494E-2</v>
      </c>
      <c r="V165" s="134">
        <v>0.16400000000000001</v>
      </c>
      <c r="W165" s="94">
        <v>4.2156623393525751E-2</v>
      </c>
    </row>
    <row r="166" spans="1:23">
      <c r="A166" s="49" t="s">
        <v>443</v>
      </c>
      <c r="B166" s="135">
        <v>158</v>
      </c>
      <c r="C166" s="120">
        <v>4.0199999999999996</v>
      </c>
      <c r="D166" s="121">
        <v>0.27440000000000003</v>
      </c>
      <c r="E166" s="136">
        <v>0.35699999999999998</v>
      </c>
      <c r="F166" s="97">
        <v>7.5449003324625299E-2</v>
      </c>
      <c r="G166" s="136">
        <v>0.14799999999999999</v>
      </c>
      <c r="H166" s="97">
        <v>5.7120011486552894E-2</v>
      </c>
      <c r="I166" s="136">
        <v>0.39800000000000002</v>
      </c>
      <c r="J166" s="97">
        <v>7.6996622475587459E-2</v>
      </c>
      <c r="K166" s="136">
        <v>9.7000000000000003E-2</v>
      </c>
      <c r="L166" s="97">
        <v>4.856259362837187E-2</v>
      </c>
      <c r="M166" s="135">
        <v>160</v>
      </c>
      <c r="N166" s="120">
        <v>4.8899999999999997</v>
      </c>
      <c r="O166" s="121">
        <v>0.27440000000000003</v>
      </c>
      <c r="P166" s="136">
        <v>0.41899999999999998</v>
      </c>
      <c r="Q166" s="97">
        <v>7.7105430789495263E-2</v>
      </c>
      <c r="R166" s="136">
        <v>0.26200000000000001</v>
      </c>
      <c r="S166" s="97">
        <v>6.9156137470265791E-2</v>
      </c>
      <c r="T166" s="136">
        <v>0.22100000000000003</v>
      </c>
      <c r="U166" s="97">
        <v>6.550178094506022E-2</v>
      </c>
      <c r="V166" s="136">
        <v>9.7000000000000003E-2</v>
      </c>
      <c r="W166" s="97">
        <v>4.8241459683638507E-2</v>
      </c>
    </row>
    <row r="167" spans="1:23">
      <c r="A167" s="57" t="s">
        <v>444</v>
      </c>
      <c r="B167" s="133">
        <v>151</v>
      </c>
      <c r="C167" s="117">
        <v>4.25</v>
      </c>
      <c r="D167" s="118">
        <v>0.25480000000000003</v>
      </c>
      <c r="E167" s="134">
        <v>0.23100000000000001</v>
      </c>
      <c r="F167" s="94">
        <v>6.8405917650460307E-2</v>
      </c>
      <c r="G167" s="134">
        <v>0.17899999999999999</v>
      </c>
      <c r="H167" s="94">
        <v>6.2673474894131193E-2</v>
      </c>
      <c r="I167" s="134">
        <v>0.36</v>
      </c>
      <c r="J167" s="94">
        <v>7.7275971282403724E-2</v>
      </c>
      <c r="K167" s="134">
        <v>0.23100000000000001</v>
      </c>
      <c r="L167" s="94">
        <v>6.8405917650460307E-2</v>
      </c>
      <c r="M167" s="133">
        <v>151</v>
      </c>
      <c r="N167" s="117">
        <v>4.49</v>
      </c>
      <c r="O167" s="118">
        <v>0.27440000000000003</v>
      </c>
      <c r="P167" s="134">
        <v>0.20499999999999999</v>
      </c>
      <c r="Q167" s="94">
        <v>6.5728406312094242E-2</v>
      </c>
      <c r="R167" s="134">
        <v>0.41800000000000004</v>
      </c>
      <c r="S167" s="94">
        <v>7.929016815090599E-2</v>
      </c>
      <c r="T167" s="134">
        <v>0.16499999999999998</v>
      </c>
      <c r="U167" s="94">
        <v>6.0852549288085291E-2</v>
      </c>
      <c r="V167" s="134">
        <v>0.21199999999999999</v>
      </c>
      <c r="W167" s="94">
        <v>6.6484389084030399E-2</v>
      </c>
    </row>
    <row r="168" spans="1:23">
      <c r="A168" s="49" t="s">
        <v>451</v>
      </c>
      <c r="B168" s="135">
        <v>91</v>
      </c>
      <c r="C168" s="120">
        <v>3.11</v>
      </c>
      <c r="D168" s="121">
        <v>0.31359999999999999</v>
      </c>
      <c r="E168" s="136">
        <v>0.61299999999999999</v>
      </c>
      <c r="F168" s="97">
        <v>0.10016484237668045</v>
      </c>
      <c r="G168" s="136">
        <v>0.17</v>
      </c>
      <c r="H168" s="97">
        <v>7.9492459120380679E-2</v>
      </c>
      <c r="I168" s="136">
        <v>0.17899999999999999</v>
      </c>
      <c r="J168" s="97">
        <v>8.0903701112920473E-2</v>
      </c>
      <c r="K168" s="136">
        <v>3.6999999999999998E-2</v>
      </c>
      <c r="L168" s="97">
        <v>4.7374468607488986E-2</v>
      </c>
      <c r="M168" s="135">
        <v>92</v>
      </c>
      <c r="N168" s="120">
        <v>5.76</v>
      </c>
      <c r="O168" s="121">
        <v>0.27440000000000003</v>
      </c>
      <c r="P168" s="136">
        <v>0.61799999999999999</v>
      </c>
      <c r="Q168" s="97">
        <v>9.9417503430864362E-2</v>
      </c>
      <c r="R168" s="136">
        <v>0.187</v>
      </c>
      <c r="S168" s="97">
        <v>8.1656036280212438E-2</v>
      </c>
      <c r="T168" s="136">
        <v>8.4999999999999992E-2</v>
      </c>
      <c r="U168" s="97">
        <v>6.1856043088375175E-2</v>
      </c>
      <c r="V168" s="136">
        <v>0.11</v>
      </c>
      <c r="W168" s="97">
        <v>6.7795936917340413E-2</v>
      </c>
    </row>
    <row r="169" spans="1:23">
      <c r="A169" s="57" t="s">
        <v>452</v>
      </c>
      <c r="B169" s="133">
        <v>318</v>
      </c>
      <c r="C169" s="117">
        <v>3.55</v>
      </c>
      <c r="D169" s="118">
        <v>0.19600000000000001</v>
      </c>
      <c r="E169" s="134">
        <v>0.46400000000000002</v>
      </c>
      <c r="F169" s="94">
        <v>5.558676266362441E-2</v>
      </c>
      <c r="G169" s="134">
        <v>0.159</v>
      </c>
      <c r="H169" s="94">
        <v>4.119187416665656E-2</v>
      </c>
      <c r="I169" s="134">
        <v>0.28899999999999998</v>
      </c>
      <c r="J169" s="94">
        <v>5.0657569384254766E-2</v>
      </c>
      <c r="K169" s="134">
        <v>8.8999999999999996E-2</v>
      </c>
      <c r="L169" s="94">
        <v>3.2542323704128261E-2</v>
      </c>
      <c r="M169" s="133">
        <v>319</v>
      </c>
      <c r="N169" s="117">
        <v>5.04</v>
      </c>
      <c r="O169" s="118">
        <v>0.19600000000000001</v>
      </c>
      <c r="P169" s="134">
        <v>0.40500000000000003</v>
      </c>
      <c r="Q169" s="94">
        <v>5.4653101943608368E-2</v>
      </c>
      <c r="R169" s="134">
        <v>0.36099999999999999</v>
      </c>
      <c r="S169" s="94">
        <v>5.3503227599960818E-2</v>
      </c>
      <c r="T169" s="134">
        <v>0.153</v>
      </c>
      <c r="U169" s="94">
        <v>4.0515990836009222E-2</v>
      </c>
      <c r="V169" s="134">
        <v>8.1000000000000003E-2</v>
      </c>
      <c r="W169" s="94">
        <v>3.1230757216201707E-2</v>
      </c>
    </row>
    <row r="170" spans="1:23">
      <c r="A170" s="49" t="s">
        <v>445</v>
      </c>
      <c r="B170" s="135">
        <v>104</v>
      </c>
      <c r="C170" s="120">
        <v>3.32</v>
      </c>
      <c r="D170" s="121">
        <v>0.3332</v>
      </c>
      <c r="E170" s="136">
        <v>0.50900000000000001</v>
      </c>
      <c r="F170" s="97">
        <v>9.6210588638959815E-2</v>
      </c>
      <c r="G170" s="136">
        <v>0.14499999999999999</v>
      </c>
      <c r="H170" s="97">
        <v>7.0221161573950031E-2</v>
      </c>
      <c r="I170" s="136">
        <v>0.24299999999999999</v>
      </c>
      <c r="J170" s="97">
        <v>8.3611295604904851E-2</v>
      </c>
      <c r="K170" s="136">
        <v>0.10199999999999999</v>
      </c>
      <c r="L170" s="97">
        <v>6.1797860502353093E-2</v>
      </c>
      <c r="M170" s="135">
        <v>102</v>
      </c>
      <c r="N170" s="120">
        <v>5.31</v>
      </c>
      <c r="O170" s="121">
        <v>0.31359999999999999</v>
      </c>
      <c r="P170" s="136">
        <v>0.47099999999999997</v>
      </c>
      <c r="Q170" s="97">
        <v>9.69771951638395E-2</v>
      </c>
      <c r="R170" s="136">
        <v>0.314</v>
      </c>
      <c r="S170" s="97">
        <v>9.0692462785364983E-2</v>
      </c>
      <c r="T170" s="136">
        <v>0.112</v>
      </c>
      <c r="U170" s="97">
        <v>6.4604292608782032E-2</v>
      </c>
      <c r="V170" s="136">
        <v>0.10199999999999999</v>
      </c>
      <c r="W170" s="97">
        <v>6.2442563034130212E-2</v>
      </c>
    </row>
    <row r="171" spans="1:23">
      <c r="A171" s="57" t="s">
        <v>446</v>
      </c>
      <c r="B171" s="133">
        <v>120</v>
      </c>
      <c r="C171" s="117">
        <v>3.73</v>
      </c>
      <c r="D171" s="118">
        <v>0.31359999999999999</v>
      </c>
      <c r="E171" s="134">
        <v>0.42799999999999999</v>
      </c>
      <c r="F171" s="94">
        <v>8.8926402558529322E-2</v>
      </c>
      <c r="G171" s="134">
        <v>0.17199999999999999</v>
      </c>
      <c r="H171" s="94">
        <v>6.9385541204103646E-2</v>
      </c>
      <c r="I171" s="134">
        <v>0.30499999999999999</v>
      </c>
      <c r="J171" s="94">
        <v>8.3161067513257747E-2</v>
      </c>
      <c r="K171" s="134">
        <v>9.5000000000000001E-2</v>
      </c>
      <c r="L171" s="94">
        <v>5.5760599016437658E-2</v>
      </c>
      <c r="M171" s="133">
        <v>123</v>
      </c>
      <c r="N171" s="117">
        <v>4.92</v>
      </c>
      <c r="O171" s="118">
        <v>0.31359999999999999</v>
      </c>
      <c r="P171" s="134">
        <v>0.35399999999999998</v>
      </c>
      <c r="Q171" s="94">
        <v>8.5113281557129994E-2</v>
      </c>
      <c r="R171" s="134">
        <v>0.41400000000000003</v>
      </c>
      <c r="S171" s="94">
        <v>8.7495791199943565E-2</v>
      </c>
      <c r="T171" s="134">
        <v>0.14499999999999999</v>
      </c>
      <c r="U171" s="94">
        <v>6.4426865239852041E-2</v>
      </c>
      <c r="V171" s="134">
        <v>8.6999999999999994E-2</v>
      </c>
      <c r="W171" s="94">
        <v>5.3243253729795471E-2</v>
      </c>
    </row>
    <row r="172" spans="1:23">
      <c r="A172" s="49" t="s">
        <v>447</v>
      </c>
      <c r="B172" s="135">
        <v>94</v>
      </c>
      <c r="C172" s="120">
        <v>3.55</v>
      </c>
      <c r="D172" s="121">
        <v>0.3528</v>
      </c>
      <c r="E172" s="136">
        <v>0.46300000000000002</v>
      </c>
      <c r="F172" s="97">
        <v>0.10076047054229653</v>
      </c>
      <c r="G172" s="136">
        <v>0.157</v>
      </c>
      <c r="H172" s="97">
        <v>7.6066297613680806E-2</v>
      </c>
      <c r="I172" s="136">
        <v>0.313</v>
      </c>
      <c r="J172" s="97">
        <v>9.4291635063481066E-2</v>
      </c>
      <c r="K172" s="136">
        <v>6.7000000000000004E-2</v>
      </c>
      <c r="L172" s="97">
        <v>5.6244318704328909E-2</v>
      </c>
      <c r="M172" s="135">
        <v>94</v>
      </c>
      <c r="N172" s="120">
        <v>4.9400000000000004</v>
      </c>
      <c r="O172" s="121">
        <v>0.3528</v>
      </c>
      <c r="P172" s="136">
        <v>0.40100000000000002</v>
      </c>
      <c r="Q172" s="97">
        <v>9.9176765184656956E-2</v>
      </c>
      <c r="R172" s="136">
        <v>0.33999999999999997</v>
      </c>
      <c r="S172" s="97">
        <v>9.6139173570290976E-2</v>
      </c>
      <c r="T172" s="136">
        <v>0.20700000000000002</v>
      </c>
      <c r="U172" s="97">
        <v>8.3547874472778019E-2</v>
      </c>
      <c r="V172" s="136">
        <v>5.0999999999999997E-2</v>
      </c>
      <c r="W172" s="97">
        <v>5.1317484296395412E-2</v>
      </c>
    </row>
    <row r="173" spans="1:23">
      <c r="A173" s="57" t="s">
        <v>453</v>
      </c>
      <c r="B173" s="133">
        <v>100</v>
      </c>
      <c r="C173" s="117">
        <v>3.67</v>
      </c>
      <c r="D173" s="118">
        <v>0.31359999999999999</v>
      </c>
      <c r="E173" s="134">
        <v>0.42299999999999999</v>
      </c>
      <c r="F173" s="94">
        <v>9.6977060374926913E-2</v>
      </c>
      <c r="G173" s="134">
        <v>0.16700000000000001</v>
      </c>
      <c r="H173" s="94">
        <v>7.5313929167971652E-2</v>
      </c>
      <c r="I173" s="134">
        <v>0.35</v>
      </c>
      <c r="J173" s="94">
        <v>9.3889764578364926E-2</v>
      </c>
      <c r="K173" s="134">
        <v>0.06</v>
      </c>
      <c r="L173" s="94">
        <v>5.2258940037442879E-2</v>
      </c>
      <c r="M173" s="133">
        <v>101</v>
      </c>
      <c r="N173" s="117">
        <v>5.58</v>
      </c>
      <c r="O173" s="118">
        <v>0.31359999999999999</v>
      </c>
      <c r="P173" s="134">
        <v>0.624</v>
      </c>
      <c r="Q173" s="94">
        <v>9.477254784065399E-2</v>
      </c>
      <c r="R173" s="134">
        <v>0.26400000000000001</v>
      </c>
      <c r="S173" s="94">
        <v>8.6951913607414999E-2</v>
      </c>
      <c r="T173" s="134">
        <v>7.5000000000000011E-2</v>
      </c>
      <c r="U173" s="94">
        <v>5.6188381528273906E-2</v>
      </c>
      <c r="V173" s="134">
        <v>3.6999999999999998E-2</v>
      </c>
      <c r="W173" s="94">
        <v>4.4359043223332159E-2</v>
      </c>
    </row>
    <row r="174" spans="1:23">
      <c r="A174" s="49" t="s">
        <v>459</v>
      </c>
      <c r="B174" s="135">
        <v>369</v>
      </c>
      <c r="C174" s="120">
        <v>4.62</v>
      </c>
      <c r="D174" s="121">
        <v>0.1764</v>
      </c>
      <c r="E174" s="136">
        <v>0.19900000000000001</v>
      </c>
      <c r="F174" s="97">
        <v>4.1594463150315689E-2</v>
      </c>
      <c r="G174" s="136">
        <v>0.191</v>
      </c>
      <c r="H174" s="97">
        <v>4.0974178678369243E-2</v>
      </c>
      <c r="I174" s="136">
        <v>0.53300000000000003</v>
      </c>
      <c r="J174" s="97">
        <v>5.1667552611259271E-2</v>
      </c>
      <c r="K174" s="136">
        <v>7.6999999999999999E-2</v>
      </c>
      <c r="L174" s="97">
        <v>2.8338823634629216E-2</v>
      </c>
      <c r="M174" s="135">
        <v>369</v>
      </c>
      <c r="N174" s="120">
        <v>4.46</v>
      </c>
      <c r="O174" s="121">
        <v>0.1764</v>
      </c>
      <c r="P174" s="136">
        <v>0.26100000000000001</v>
      </c>
      <c r="Q174" s="97">
        <v>4.5623185194948117E-2</v>
      </c>
      <c r="R174" s="136">
        <v>0.39100000000000001</v>
      </c>
      <c r="S174" s="97">
        <v>5.0559598155477628E-2</v>
      </c>
      <c r="T174" s="136">
        <v>0.25800000000000001</v>
      </c>
      <c r="U174" s="97">
        <v>4.5456909379484732E-2</v>
      </c>
      <c r="V174" s="136">
        <v>0.09</v>
      </c>
      <c r="W174" s="97">
        <v>3.0277719045084098E-2</v>
      </c>
    </row>
  </sheetData>
  <mergeCells count="21">
    <mergeCell ref="B150:L150"/>
    <mergeCell ref="M150:W150"/>
    <mergeCell ref="A149:W149"/>
    <mergeCell ref="A148:W148"/>
    <mergeCell ref="A119:S119"/>
    <mergeCell ref="A120:S120"/>
    <mergeCell ref="K121:S121"/>
    <mergeCell ref="B121:J121"/>
    <mergeCell ref="B34:H34"/>
    <mergeCell ref="I34:Q34"/>
    <mergeCell ref="A90:D90"/>
    <mergeCell ref="A91:D91"/>
    <mergeCell ref="A92:D92"/>
    <mergeCell ref="B63:H63"/>
    <mergeCell ref="A62:H62"/>
    <mergeCell ref="A61:H61"/>
    <mergeCell ref="A3:D3"/>
    <mergeCell ref="A4:D4"/>
    <mergeCell ref="A5:D5"/>
    <mergeCell ref="A32:Q32"/>
    <mergeCell ref="A33:Q3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203"/>
  <sheetViews>
    <sheetView zoomScaleNormal="100" workbookViewId="0">
      <selection activeCell="A178" sqref="A178:J178"/>
    </sheetView>
  </sheetViews>
  <sheetFormatPr defaultColWidth="16.5703125" defaultRowHeight="15"/>
  <cols>
    <col min="1" max="1" width="38.7109375" customWidth="1"/>
  </cols>
  <sheetData>
    <row r="1" spans="1:15" ht="31.5">
      <c r="A1" s="33" t="s">
        <v>41</v>
      </c>
    </row>
    <row r="3" spans="1:15" ht="18.75">
      <c r="A3" s="321" t="s">
        <v>3</v>
      </c>
      <c r="B3" s="321"/>
      <c r="C3" s="321"/>
      <c r="D3" s="321"/>
      <c r="E3" s="321"/>
      <c r="F3" s="321"/>
      <c r="G3" s="321"/>
      <c r="H3" s="321"/>
      <c r="I3" s="321"/>
      <c r="J3" s="321"/>
      <c r="K3" s="321"/>
      <c r="L3" s="321"/>
      <c r="M3" s="321"/>
      <c r="N3" s="321"/>
      <c r="O3" s="321"/>
    </row>
    <row r="4" spans="1:15" ht="51.75" customHeight="1">
      <c r="A4" s="373" t="s">
        <v>491</v>
      </c>
      <c r="B4" s="373"/>
      <c r="C4" s="373"/>
      <c r="D4" s="373"/>
      <c r="E4" s="373"/>
      <c r="F4" s="373"/>
      <c r="G4" s="373"/>
      <c r="H4" s="373"/>
      <c r="I4" s="373"/>
      <c r="J4" s="373"/>
      <c r="K4" s="373"/>
      <c r="L4" s="373"/>
      <c r="M4" s="373"/>
      <c r="N4" s="373"/>
      <c r="O4" s="373"/>
    </row>
    <row r="5" spans="1:15" ht="34.5" customHeight="1">
      <c r="A5" s="371" t="s">
        <v>135</v>
      </c>
      <c r="B5" s="371"/>
      <c r="C5" s="371"/>
      <c r="D5" s="371"/>
      <c r="E5" s="372" t="s">
        <v>31</v>
      </c>
      <c r="F5" s="372"/>
      <c r="G5" s="372"/>
      <c r="H5" s="372"/>
      <c r="I5" s="372"/>
      <c r="J5" s="372"/>
      <c r="K5" s="372"/>
      <c r="L5" s="372"/>
      <c r="M5" s="372"/>
      <c r="N5" s="372"/>
      <c r="O5" s="372"/>
    </row>
    <row r="6" spans="1:15" ht="39" customHeight="1">
      <c r="A6" s="37" t="s">
        <v>85</v>
      </c>
      <c r="B6" s="38" t="s">
        <v>86</v>
      </c>
      <c r="C6" s="39" t="s">
        <v>87</v>
      </c>
      <c r="D6" s="40" t="s">
        <v>88</v>
      </c>
      <c r="E6" s="65" t="s">
        <v>86</v>
      </c>
      <c r="F6" s="65" t="s">
        <v>362</v>
      </c>
      <c r="G6" s="88" t="s">
        <v>162</v>
      </c>
      <c r="H6" s="65" t="s">
        <v>363</v>
      </c>
      <c r="I6" s="88" t="s">
        <v>223</v>
      </c>
      <c r="J6" s="65" t="s">
        <v>364</v>
      </c>
      <c r="K6" s="88" t="s">
        <v>225</v>
      </c>
      <c r="L6" s="65" t="s">
        <v>365</v>
      </c>
      <c r="M6" s="88" t="s">
        <v>226</v>
      </c>
      <c r="N6" s="65" t="s">
        <v>366</v>
      </c>
      <c r="O6" s="88" t="s">
        <v>229</v>
      </c>
    </row>
    <row r="7" spans="1:15" ht="84">
      <c r="A7" s="41"/>
      <c r="B7" s="42" t="s">
        <v>89</v>
      </c>
      <c r="C7" s="43" t="s">
        <v>137</v>
      </c>
      <c r="D7" s="44" t="s">
        <v>91</v>
      </c>
      <c r="E7" s="68" t="s">
        <v>89</v>
      </c>
      <c r="F7" s="68" t="s">
        <v>224</v>
      </c>
      <c r="G7" s="90" t="s">
        <v>104</v>
      </c>
      <c r="H7" s="68" t="s">
        <v>222</v>
      </c>
      <c r="I7" s="90" t="s">
        <v>104</v>
      </c>
      <c r="J7" s="68" t="s">
        <v>202</v>
      </c>
      <c r="K7" s="90" t="s">
        <v>104</v>
      </c>
      <c r="L7" s="68" t="s">
        <v>227</v>
      </c>
      <c r="M7" s="90" t="s">
        <v>104</v>
      </c>
      <c r="N7" s="68" t="s">
        <v>228</v>
      </c>
      <c r="O7" s="90" t="s">
        <v>104</v>
      </c>
    </row>
    <row r="8" spans="1:15">
      <c r="A8" s="45" t="s">
        <v>434</v>
      </c>
      <c r="B8" s="137">
        <v>8917</v>
      </c>
      <c r="C8" s="138">
        <v>3.25</v>
      </c>
      <c r="D8" s="130">
        <v>1.9599999999999999E-2</v>
      </c>
      <c r="E8" s="122">
        <v>8917</v>
      </c>
      <c r="F8" s="139">
        <v>0.05</v>
      </c>
      <c r="G8" s="94">
        <v>4.6237934270870803E-3</v>
      </c>
      <c r="H8" s="140">
        <v>0.182</v>
      </c>
      <c r="I8" s="94">
        <v>8.1727416690349861E-3</v>
      </c>
      <c r="J8" s="140">
        <v>0.33</v>
      </c>
      <c r="K8" s="94">
        <v>9.9573332700060076E-3</v>
      </c>
      <c r="L8" s="140">
        <v>0.33800000000000002</v>
      </c>
      <c r="M8" s="94">
        <v>1.0016901517968137E-2</v>
      </c>
      <c r="N8" s="140">
        <v>9.9000000000000005E-2</v>
      </c>
      <c r="O8" s="94">
        <v>6.3292740295217663E-3</v>
      </c>
    </row>
    <row r="9" spans="1:15">
      <c r="A9" s="49" t="s">
        <v>435</v>
      </c>
      <c r="B9" s="141">
        <v>8330</v>
      </c>
      <c r="C9" s="142">
        <v>3.26</v>
      </c>
      <c r="D9" s="132">
        <v>1.9599999999999999E-2</v>
      </c>
      <c r="E9" s="125">
        <v>8330</v>
      </c>
      <c r="F9" s="143">
        <v>0.05</v>
      </c>
      <c r="G9" s="97">
        <v>4.7845011054731337E-3</v>
      </c>
      <c r="H9" s="144">
        <v>0.182</v>
      </c>
      <c r="I9" s="97">
        <v>8.4558466709438972E-3</v>
      </c>
      <c r="J9" s="144">
        <v>0.33</v>
      </c>
      <c r="K9" s="97">
        <v>1.0302078539466658E-2</v>
      </c>
      <c r="L9" s="144">
        <v>0.33600000000000002</v>
      </c>
      <c r="M9" s="97">
        <v>1.0348610641627292E-2</v>
      </c>
      <c r="N9" s="144">
        <v>0.10100000000000001</v>
      </c>
      <c r="O9" s="97">
        <v>6.6070692504178515E-3</v>
      </c>
    </row>
    <row r="10" spans="1:15">
      <c r="A10" s="45" t="s">
        <v>436</v>
      </c>
      <c r="B10" s="54">
        <v>772</v>
      </c>
      <c r="C10" s="55">
        <v>3.22</v>
      </c>
      <c r="D10" s="56">
        <v>7.8399999999999997E-2</v>
      </c>
      <c r="E10" s="83">
        <v>772</v>
      </c>
      <c r="F10" s="98">
        <v>6.4399999999999999E-2</v>
      </c>
      <c r="G10" s="94">
        <v>1.7906365381094184E-2</v>
      </c>
      <c r="H10" s="98">
        <v>0.17</v>
      </c>
      <c r="I10" s="94">
        <v>2.7075665921326226E-2</v>
      </c>
      <c r="J10" s="98">
        <v>0.33339999999999997</v>
      </c>
      <c r="K10" s="94">
        <v>3.3868289636283841E-2</v>
      </c>
      <c r="L10" s="98">
        <v>0.34289999999999998</v>
      </c>
      <c r="M10" s="94">
        <v>3.4099110507072941E-2</v>
      </c>
      <c r="N10" s="98">
        <v>8.9300000000000004E-2</v>
      </c>
      <c r="O10" s="94">
        <v>2.0691641389177114E-2</v>
      </c>
    </row>
    <row r="11" spans="1:15">
      <c r="A11" s="49" t="s">
        <v>437</v>
      </c>
      <c r="B11" s="141">
        <v>2434</v>
      </c>
      <c r="C11" s="142">
        <v>3.27</v>
      </c>
      <c r="D11" s="132">
        <v>3.9199999999999999E-2</v>
      </c>
      <c r="E11" s="125">
        <v>2434</v>
      </c>
      <c r="F11" s="143">
        <v>0.05</v>
      </c>
      <c r="G11" s="97">
        <v>8.8894342330358509E-3</v>
      </c>
      <c r="H11" s="144">
        <v>0.17699999999999999</v>
      </c>
      <c r="I11" s="97">
        <v>1.5477791762467498E-2</v>
      </c>
      <c r="J11" s="144">
        <v>0.32700000000000001</v>
      </c>
      <c r="K11" s="97">
        <v>1.9006027617907411E-2</v>
      </c>
      <c r="L11" s="144">
        <v>0.34200000000000003</v>
      </c>
      <c r="M11" s="97">
        <v>1.9218439033723288E-2</v>
      </c>
      <c r="N11" s="144">
        <v>0.104</v>
      </c>
      <c r="O11" s="97">
        <v>1.2398771438362311E-2</v>
      </c>
    </row>
    <row r="12" spans="1:15">
      <c r="A12" s="45" t="s">
        <v>438</v>
      </c>
      <c r="B12" s="54">
        <v>2380</v>
      </c>
      <c r="C12" s="55">
        <v>3.27</v>
      </c>
      <c r="D12" s="56">
        <v>3.9199999999999999E-2</v>
      </c>
      <c r="E12" s="83">
        <v>2380</v>
      </c>
      <c r="F12" s="98">
        <v>0.05</v>
      </c>
      <c r="G12" s="94">
        <v>8.9909499731068137E-3</v>
      </c>
      <c r="H12" s="98">
        <v>0.17799999999999999</v>
      </c>
      <c r="I12" s="94">
        <v>1.5686935154990634E-2</v>
      </c>
      <c r="J12" s="98">
        <v>0.32600000000000001</v>
      </c>
      <c r="K12" s="94">
        <v>1.920507099223432E-2</v>
      </c>
      <c r="L12" s="98">
        <v>0.34100000000000003</v>
      </c>
      <c r="M12" s="94">
        <v>1.9421316231413164E-2</v>
      </c>
      <c r="N12" s="98">
        <v>0.106</v>
      </c>
      <c r="O12" s="94">
        <v>1.2644101547869746E-2</v>
      </c>
    </row>
    <row r="13" spans="1:15">
      <c r="A13" s="49" t="s">
        <v>449</v>
      </c>
      <c r="B13" s="141">
        <v>276</v>
      </c>
      <c r="C13" s="142">
        <v>3.29</v>
      </c>
      <c r="D13" s="132">
        <v>0.1176</v>
      </c>
      <c r="E13" s="125">
        <v>276</v>
      </c>
      <c r="F13" s="143">
        <v>6.5000000000000002E-2</v>
      </c>
      <c r="G13" s="97">
        <v>3.0739181889032068E-2</v>
      </c>
      <c r="H13" s="144">
        <v>0.17199999999999999</v>
      </c>
      <c r="I13" s="97">
        <v>4.5586318851957144E-2</v>
      </c>
      <c r="J13" s="144">
        <v>0.29299999999999998</v>
      </c>
      <c r="K13" s="97">
        <v>5.4558816552018899E-2</v>
      </c>
      <c r="L13" s="144">
        <v>0.34699999999999998</v>
      </c>
      <c r="M13" s="97">
        <v>5.6978072376822522E-2</v>
      </c>
      <c r="N13" s="144">
        <v>0.122</v>
      </c>
      <c r="O13" s="97">
        <v>3.9851373878449912E-2</v>
      </c>
    </row>
    <row r="14" spans="1:15">
      <c r="A14" s="45" t="s">
        <v>439</v>
      </c>
      <c r="B14" s="54">
        <v>137</v>
      </c>
      <c r="C14" s="55">
        <v>3.5</v>
      </c>
      <c r="D14" s="56">
        <v>0.1764</v>
      </c>
      <c r="E14" s="83">
        <v>137</v>
      </c>
      <c r="F14" s="98">
        <v>3.5999999999999997E-2</v>
      </c>
      <c r="G14" s="94">
        <v>3.6416077870548597E-2</v>
      </c>
      <c r="H14" s="98">
        <v>0.14000000000000001</v>
      </c>
      <c r="I14" s="94">
        <v>6.0176782332883962E-2</v>
      </c>
      <c r="J14" s="98">
        <v>0.247</v>
      </c>
      <c r="K14" s="94">
        <v>7.3334210685693582E-2</v>
      </c>
      <c r="L14" s="98">
        <v>0.44</v>
      </c>
      <c r="M14" s="94">
        <v>8.3640798704697344E-2</v>
      </c>
      <c r="N14" s="98">
        <v>0.13700000000000001</v>
      </c>
      <c r="O14" s="94">
        <v>5.9692167571172544E-2</v>
      </c>
    </row>
    <row r="15" spans="1:15" ht="25.5">
      <c r="A15" s="49" t="s">
        <v>440</v>
      </c>
      <c r="B15" s="141">
        <v>89</v>
      </c>
      <c r="C15" s="142">
        <v>2.87</v>
      </c>
      <c r="D15" s="132">
        <v>0.23519999999999999</v>
      </c>
      <c r="E15" s="125">
        <v>89</v>
      </c>
      <c r="F15" s="143">
        <v>0.15</v>
      </c>
      <c r="G15" s="97">
        <v>7.6989321592992321E-2</v>
      </c>
      <c r="H15" s="144">
        <v>0.191</v>
      </c>
      <c r="I15" s="97">
        <v>8.361606746880651E-2</v>
      </c>
      <c r="J15" s="144">
        <v>0.38600000000000001</v>
      </c>
      <c r="K15" s="97">
        <v>0.10119668783320562</v>
      </c>
      <c r="L15" s="144">
        <v>0.17799999999999999</v>
      </c>
      <c r="M15" s="97">
        <v>8.1661047730058944E-2</v>
      </c>
      <c r="N15" s="144">
        <v>9.4E-2</v>
      </c>
      <c r="O15" s="97">
        <v>6.5266535958714789E-2</v>
      </c>
    </row>
    <row r="16" spans="1:15">
      <c r="A16" s="45" t="s">
        <v>475</v>
      </c>
      <c r="B16" s="54">
        <v>247</v>
      </c>
      <c r="C16" s="55">
        <v>3.17</v>
      </c>
      <c r="D16" s="56">
        <v>0.13720000000000002</v>
      </c>
      <c r="E16" s="83">
        <v>247</v>
      </c>
      <c r="F16" s="98">
        <v>6.0999999999999999E-2</v>
      </c>
      <c r="G16" s="94">
        <v>3.1779258000973767E-2</v>
      </c>
      <c r="H16" s="98">
        <v>0.216</v>
      </c>
      <c r="I16" s="94">
        <v>5.2338802106811619E-2</v>
      </c>
      <c r="J16" s="98">
        <v>0.31900000000000001</v>
      </c>
      <c r="K16" s="94">
        <v>5.8978671974189746E-2</v>
      </c>
      <c r="L16" s="98">
        <v>0.29899999999999999</v>
      </c>
      <c r="M16" s="94">
        <v>5.7970513299543218E-2</v>
      </c>
      <c r="N16" s="98">
        <v>0.105</v>
      </c>
      <c r="O16" s="94">
        <v>3.9701733300581306E-2</v>
      </c>
    </row>
    <row r="17" spans="1:19">
      <c r="A17" s="49" t="s">
        <v>441</v>
      </c>
      <c r="B17" s="141">
        <v>82</v>
      </c>
      <c r="C17" s="142">
        <v>3.14</v>
      </c>
      <c r="D17" s="132">
        <v>0.21559999999999999</v>
      </c>
      <c r="E17" s="125">
        <v>82</v>
      </c>
      <c r="F17" s="143">
        <v>5.7000000000000002E-2</v>
      </c>
      <c r="G17" s="97">
        <v>5.7700981121275398E-2</v>
      </c>
      <c r="H17" s="144">
        <v>0.20100000000000001</v>
      </c>
      <c r="I17" s="97">
        <v>8.8586304808220107E-2</v>
      </c>
      <c r="J17" s="144">
        <v>0.34499999999999997</v>
      </c>
      <c r="K17" s="97">
        <v>0.1030145416876279</v>
      </c>
      <c r="L17" s="144">
        <v>0.34100000000000003</v>
      </c>
      <c r="M17" s="97">
        <v>0.10275643582986037</v>
      </c>
      <c r="N17" s="144">
        <v>5.6000000000000001E-2</v>
      </c>
      <c r="O17" s="97">
        <v>5.7375046043871336E-2</v>
      </c>
    </row>
    <row r="18" spans="1:19" ht="25.5">
      <c r="A18" s="45" t="s">
        <v>442</v>
      </c>
      <c r="B18" s="137">
        <v>99</v>
      </c>
      <c r="C18" s="138">
        <v>3.06</v>
      </c>
      <c r="D18" s="130">
        <v>0.21559999999999999</v>
      </c>
      <c r="E18" s="122">
        <v>99</v>
      </c>
      <c r="F18" s="139">
        <v>0.10299999999999999</v>
      </c>
      <c r="G18" s="94">
        <v>6.3672333895515576E-2</v>
      </c>
      <c r="H18" s="140">
        <v>0.252</v>
      </c>
      <c r="I18" s="94">
        <v>8.6614927801196132E-2</v>
      </c>
      <c r="J18" s="140">
        <v>0.26300000000000001</v>
      </c>
      <c r="K18" s="94">
        <v>8.7712887608567963E-2</v>
      </c>
      <c r="L18" s="140">
        <v>0.24199999999999999</v>
      </c>
      <c r="M18" s="94">
        <v>8.5560545914125707E-2</v>
      </c>
      <c r="N18" s="140">
        <v>0.14000000000000001</v>
      </c>
      <c r="O18" s="94">
        <v>7.1127005980825719E-2</v>
      </c>
    </row>
    <row r="19" spans="1:19">
      <c r="A19" s="49" t="s">
        <v>462</v>
      </c>
      <c r="B19" s="141">
        <v>66</v>
      </c>
      <c r="C19" s="142">
        <v>3.32</v>
      </c>
      <c r="D19" s="132">
        <v>0.23519999999999999</v>
      </c>
      <c r="E19" s="125">
        <v>66</v>
      </c>
      <c r="F19" s="143">
        <v>2.1999999999999999E-2</v>
      </c>
      <c r="G19" s="97">
        <v>5.1758994767659473E-2</v>
      </c>
      <c r="H19" s="144">
        <v>0.19400000000000001</v>
      </c>
      <c r="I19" s="97">
        <v>9.761718435918823E-2</v>
      </c>
      <c r="J19" s="144">
        <v>0.34899999999999998</v>
      </c>
      <c r="K19" s="97">
        <v>0.11457508488236763</v>
      </c>
      <c r="L19" s="144">
        <v>0.314</v>
      </c>
      <c r="M19" s="97">
        <v>0.11192978973849539</v>
      </c>
      <c r="N19" s="144">
        <v>0.121</v>
      </c>
      <c r="O19" s="97">
        <v>8.3599754766892409E-2</v>
      </c>
    </row>
    <row r="20" spans="1:19">
      <c r="A20" s="45" t="s">
        <v>450</v>
      </c>
      <c r="B20" s="54">
        <v>253</v>
      </c>
      <c r="C20" s="55">
        <v>3.28</v>
      </c>
      <c r="D20" s="56">
        <v>0.1176</v>
      </c>
      <c r="E20" s="83">
        <v>253</v>
      </c>
      <c r="F20" s="98">
        <v>4.7E-2</v>
      </c>
      <c r="G20" s="94">
        <v>2.8209642655254368E-2</v>
      </c>
      <c r="H20" s="98">
        <v>0.18</v>
      </c>
      <c r="I20" s="94">
        <v>4.8440704305905913E-2</v>
      </c>
      <c r="J20" s="98">
        <v>0.29699999999999999</v>
      </c>
      <c r="K20" s="94">
        <v>5.7179325775734986E-2</v>
      </c>
      <c r="L20" s="98">
        <v>0.4</v>
      </c>
      <c r="M20" s="94">
        <v>6.1157303282517901E-2</v>
      </c>
      <c r="N20" s="98">
        <v>7.4999999999999997E-2</v>
      </c>
      <c r="O20" s="94">
        <v>3.415547257189587E-2</v>
      </c>
    </row>
    <row r="21" spans="1:19">
      <c r="A21" s="49" t="s">
        <v>443</v>
      </c>
      <c r="B21" s="141">
        <v>123</v>
      </c>
      <c r="C21" s="142">
        <v>3.22</v>
      </c>
      <c r="D21" s="132">
        <v>0.1764</v>
      </c>
      <c r="E21" s="125">
        <v>123</v>
      </c>
      <c r="F21" s="143">
        <v>6.9000000000000006E-2</v>
      </c>
      <c r="G21" s="97">
        <v>4.8846926267762138E-2</v>
      </c>
      <c r="H21" s="144">
        <v>0.188</v>
      </c>
      <c r="I21" s="97">
        <v>7.069761271196523E-2</v>
      </c>
      <c r="J21" s="144">
        <v>0.26900000000000002</v>
      </c>
      <c r="K21" s="97">
        <v>7.9357139231357815E-2</v>
      </c>
      <c r="L21" s="144">
        <v>0.40500000000000003</v>
      </c>
      <c r="M21" s="97">
        <v>8.7220338435608682E-2</v>
      </c>
      <c r="N21" s="144">
        <v>6.8000000000000005E-2</v>
      </c>
      <c r="O21" s="97">
        <v>4.8585248122891243E-2</v>
      </c>
    </row>
    <row r="22" spans="1:19">
      <c r="A22" s="57" t="s">
        <v>444</v>
      </c>
      <c r="B22" s="137">
        <v>130</v>
      </c>
      <c r="C22" s="138">
        <v>3.31</v>
      </c>
      <c r="D22" s="130">
        <v>0.1764</v>
      </c>
      <c r="E22" s="122">
        <v>130</v>
      </c>
      <c r="F22" s="139">
        <v>3.5000000000000003E-2</v>
      </c>
      <c r="G22" s="94">
        <v>3.7253181473028356E-2</v>
      </c>
      <c r="H22" s="140">
        <v>0.17699999999999999</v>
      </c>
      <c r="I22" s="94">
        <v>6.731672362801959E-2</v>
      </c>
      <c r="J22" s="140">
        <v>0.312</v>
      </c>
      <c r="K22" s="94">
        <v>8.0434379609925361E-2</v>
      </c>
      <c r="L22" s="140">
        <v>0.39800000000000002</v>
      </c>
      <c r="M22" s="94">
        <v>8.4678119901495028E-2</v>
      </c>
      <c r="N22" s="140">
        <v>7.9000000000000001E-2</v>
      </c>
      <c r="O22" s="94">
        <v>4.983034459530266E-2</v>
      </c>
    </row>
    <row r="23" spans="1:19">
      <c r="A23" s="49" t="s">
        <v>451</v>
      </c>
      <c r="B23" s="141">
        <v>75</v>
      </c>
      <c r="C23" s="142">
        <v>3.04</v>
      </c>
      <c r="D23" s="132">
        <v>0.25480000000000003</v>
      </c>
      <c r="E23" s="125">
        <v>75</v>
      </c>
      <c r="F23" s="143">
        <v>0.107</v>
      </c>
      <c r="G23" s="97">
        <v>7.4899238792649037E-2</v>
      </c>
      <c r="H23" s="144">
        <v>0.27100000000000002</v>
      </c>
      <c r="I23" s="97">
        <v>0.10131665824654341</v>
      </c>
      <c r="J23" s="144">
        <v>0.192</v>
      </c>
      <c r="K23" s="97">
        <v>9.1263779320070473E-2</v>
      </c>
      <c r="L23" s="144">
        <v>0.33</v>
      </c>
      <c r="M23" s="97">
        <v>0.10648646234464641</v>
      </c>
      <c r="N23" s="144">
        <v>9.9000000000000005E-2</v>
      </c>
      <c r="O23" s="97">
        <v>7.2938469430993094E-2</v>
      </c>
    </row>
    <row r="24" spans="1:19">
      <c r="A24" s="57" t="s">
        <v>452</v>
      </c>
      <c r="B24" s="137">
        <v>303</v>
      </c>
      <c r="C24" s="138">
        <v>3.22</v>
      </c>
      <c r="D24" s="130">
        <v>0.1176</v>
      </c>
      <c r="E24" s="122">
        <v>303</v>
      </c>
      <c r="F24" s="139">
        <v>2.5999999999999999E-2</v>
      </c>
      <c r="G24" s="94">
        <v>2.014300906754667E-2</v>
      </c>
      <c r="H24" s="140">
        <v>0.26200000000000001</v>
      </c>
      <c r="I24" s="94">
        <v>5.0382568864966913E-2</v>
      </c>
      <c r="J24" s="140">
        <v>0.29599999999999999</v>
      </c>
      <c r="K24" s="94">
        <v>5.224115855447127E-2</v>
      </c>
      <c r="L24" s="140">
        <v>0.29499999999999998</v>
      </c>
      <c r="M24" s="94">
        <v>5.2191451583707617E-2</v>
      </c>
      <c r="N24" s="140">
        <v>0.12</v>
      </c>
      <c r="O24" s="94">
        <v>3.7743925914949301E-2</v>
      </c>
    </row>
    <row r="25" spans="1:19">
      <c r="A25" s="49" t="s">
        <v>445</v>
      </c>
      <c r="B25" s="141">
        <v>99</v>
      </c>
      <c r="C25" s="142">
        <v>3.07</v>
      </c>
      <c r="D25" s="132">
        <v>0.19600000000000001</v>
      </c>
      <c r="E25" s="125">
        <v>99</v>
      </c>
      <c r="F25" s="143">
        <v>1.7000000000000001E-2</v>
      </c>
      <c r="G25" s="97">
        <v>3.6592056206899558E-2</v>
      </c>
      <c r="H25" s="144">
        <v>0.32800000000000001</v>
      </c>
      <c r="I25" s="97">
        <v>9.299110912631571E-2</v>
      </c>
      <c r="J25" s="144">
        <v>0.31900000000000001</v>
      </c>
      <c r="K25" s="97">
        <v>9.2376211596346403E-2</v>
      </c>
      <c r="L25" s="144">
        <v>0.24199999999999999</v>
      </c>
      <c r="M25" s="97">
        <v>8.5560545914125707E-2</v>
      </c>
      <c r="N25" s="144">
        <v>9.4E-2</v>
      </c>
      <c r="O25" s="97">
        <v>6.1602609367776291E-2</v>
      </c>
    </row>
    <row r="26" spans="1:19">
      <c r="A26" s="57" t="s">
        <v>446</v>
      </c>
      <c r="B26" s="137">
        <v>120</v>
      </c>
      <c r="C26" s="138">
        <v>3.38</v>
      </c>
      <c r="D26" s="130">
        <v>0.1764</v>
      </c>
      <c r="E26" s="122">
        <v>120</v>
      </c>
      <c r="F26" s="139">
        <v>2.7E-2</v>
      </c>
      <c r="G26" s="94">
        <v>3.6132516184036623E-2</v>
      </c>
      <c r="H26" s="140">
        <v>0.17499999999999999</v>
      </c>
      <c r="I26" s="94">
        <v>6.9810712871067146E-2</v>
      </c>
      <c r="J26" s="140">
        <v>0.33500000000000002</v>
      </c>
      <c r="K26" s="94">
        <v>8.5100153850772381E-2</v>
      </c>
      <c r="L26" s="140">
        <v>0.315</v>
      </c>
      <c r="M26" s="94">
        <v>8.3848452112652364E-2</v>
      </c>
      <c r="N26" s="140">
        <v>0.14899999999999999</v>
      </c>
      <c r="O26" s="94">
        <v>6.589807642707253E-2</v>
      </c>
    </row>
    <row r="27" spans="1:19">
      <c r="A27" s="49" t="s">
        <v>447</v>
      </c>
      <c r="B27" s="141">
        <v>84</v>
      </c>
      <c r="C27" s="142">
        <v>3.17</v>
      </c>
      <c r="D27" s="132">
        <v>0.21559999999999999</v>
      </c>
      <c r="E27" s="125">
        <v>84</v>
      </c>
      <c r="F27" s="143">
        <v>3.5999999999999997E-2</v>
      </c>
      <c r="G27" s="97">
        <v>4.9466029293795809E-2</v>
      </c>
      <c r="H27" s="144">
        <v>0.30499999999999999</v>
      </c>
      <c r="I27" s="97">
        <v>9.893828520212887E-2</v>
      </c>
      <c r="J27" s="144">
        <v>0.218</v>
      </c>
      <c r="K27" s="97">
        <v>8.9833469355127676E-2</v>
      </c>
      <c r="L27" s="144">
        <v>0.33100000000000002</v>
      </c>
      <c r="M27" s="97">
        <v>0.10089969011009176</v>
      </c>
      <c r="N27" s="144">
        <v>0.11</v>
      </c>
      <c r="O27" s="97">
        <v>7.1163389632886889E-2</v>
      </c>
    </row>
    <row r="28" spans="1:19">
      <c r="A28" s="57" t="s">
        <v>453</v>
      </c>
      <c r="B28" s="137">
        <v>78</v>
      </c>
      <c r="C28" s="138">
        <v>3.31</v>
      </c>
      <c r="D28" s="130">
        <v>0.23519999999999999</v>
      </c>
      <c r="E28" s="122">
        <v>78</v>
      </c>
      <c r="F28" s="139">
        <v>6.4000000000000001E-2</v>
      </c>
      <c r="G28" s="94">
        <v>6.1682748881307307E-2</v>
      </c>
      <c r="H28" s="140">
        <v>8.5000000000000006E-2</v>
      </c>
      <c r="I28" s="94">
        <v>6.7775678578326753E-2</v>
      </c>
      <c r="J28" s="140">
        <v>0.42599999999999999</v>
      </c>
      <c r="K28" s="94">
        <v>0.10933172024564045</v>
      </c>
      <c r="L28" s="140">
        <v>0.32500000000000001</v>
      </c>
      <c r="M28" s="94">
        <v>0.10413170169065811</v>
      </c>
      <c r="N28" s="140">
        <v>0.1</v>
      </c>
      <c r="O28" s="94">
        <v>7.164581935587605E-2</v>
      </c>
    </row>
    <row r="29" spans="1:19">
      <c r="A29" s="49" t="s">
        <v>459</v>
      </c>
      <c r="B29" s="141">
        <v>36</v>
      </c>
      <c r="C29" s="142">
        <v>3.37</v>
      </c>
      <c r="D29" s="132">
        <v>0.31359999999999999</v>
      </c>
      <c r="E29" s="125">
        <v>36</v>
      </c>
      <c r="F29" s="143">
        <v>4.2000000000000003E-2</v>
      </c>
      <c r="G29" s="97">
        <v>8.9493664580237192E-2</v>
      </c>
      <c r="H29" s="144">
        <v>0.16400000000000001</v>
      </c>
      <c r="I29" s="97">
        <v>0.12591832273342907</v>
      </c>
      <c r="J29" s="144">
        <v>0.20799999999999999</v>
      </c>
      <c r="K29" s="97">
        <v>0.1345125124291417</v>
      </c>
      <c r="L29" s="144">
        <v>0.54700000000000004</v>
      </c>
      <c r="M29" s="97">
        <v>0.15754704376788542</v>
      </c>
      <c r="N29" s="144">
        <v>3.7999999999999999E-2</v>
      </c>
      <c r="O29" s="97">
        <v>8.781250480427033E-2</v>
      </c>
    </row>
    <row r="32" spans="1:19" ht="18.75">
      <c r="A32" s="322" t="s">
        <v>293</v>
      </c>
      <c r="B32" s="322"/>
      <c r="C32" s="322"/>
      <c r="D32" s="322"/>
      <c r="E32" s="322"/>
      <c r="F32" s="322"/>
      <c r="G32" s="322"/>
      <c r="H32" s="322"/>
      <c r="I32" s="322"/>
      <c r="J32" s="322"/>
      <c r="K32" s="322"/>
      <c r="L32" s="227"/>
      <c r="M32" s="227"/>
      <c r="N32" s="227"/>
      <c r="O32" s="227"/>
      <c r="P32" s="257"/>
      <c r="Q32" s="257"/>
      <c r="R32" s="257"/>
      <c r="S32" s="257"/>
    </row>
    <row r="33" spans="1:19" ht="82.5" customHeight="1">
      <c r="A33" s="378" t="s">
        <v>492</v>
      </c>
      <c r="B33" s="378"/>
      <c r="C33" s="378"/>
      <c r="D33" s="378"/>
      <c r="E33" s="378"/>
      <c r="F33" s="378"/>
      <c r="G33" s="378"/>
      <c r="H33" s="378"/>
      <c r="I33" s="378"/>
      <c r="J33" s="378"/>
      <c r="K33" s="378"/>
      <c r="L33" s="268"/>
      <c r="M33" s="268"/>
      <c r="N33" s="268"/>
      <c r="O33" s="268"/>
      <c r="P33" s="257"/>
      <c r="Q33" s="257"/>
      <c r="R33" s="257"/>
      <c r="S33" s="257"/>
    </row>
    <row r="34" spans="1:19" ht="33" customHeight="1">
      <c r="A34" s="372" t="s">
        <v>294</v>
      </c>
      <c r="B34" s="372"/>
      <c r="C34" s="372"/>
      <c r="D34" s="372"/>
      <c r="E34" s="379" t="s">
        <v>399</v>
      </c>
      <c r="F34" s="380"/>
      <c r="G34" s="380"/>
      <c r="H34" s="380"/>
      <c r="I34" s="380"/>
      <c r="J34" s="380"/>
      <c r="K34" s="381"/>
    </row>
    <row r="35" spans="1:19" ht="57.75" customHeight="1">
      <c r="A35" s="37" t="s">
        <v>85</v>
      </c>
      <c r="B35" s="38" t="s">
        <v>86</v>
      </c>
      <c r="C35" s="39" t="s">
        <v>87</v>
      </c>
      <c r="D35" s="40" t="s">
        <v>88</v>
      </c>
      <c r="E35" s="65" t="s">
        <v>86</v>
      </c>
      <c r="F35" s="65" t="s">
        <v>334</v>
      </c>
      <c r="G35" s="88" t="s">
        <v>337</v>
      </c>
      <c r="H35" s="65" t="s">
        <v>335</v>
      </c>
      <c r="I35" s="88" t="s">
        <v>338</v>
      </c>
      <c r="J35" s="65" t="s">
        <v>336</v>
      </c>
      <c r="K35" s="88" t="s">
        <v>339</v>
      </c>
    </row>
    <row r="36" spans="1:19" ht="84">
      <c r="A36" s="41"/>
      <c r="B36" s="42" t="s">
        <v>89</v>
      </c>
      <c r="C36" s="43" t="s">
        <v>448</v>
      </c>
      <c r="D36" s="44" t="s">
        <v>91</v>
      </c>
      <c r="E36" s="68" t="s">
        <v>89</v>
      </c>
      <c r="F36" s="68" t="s">
        <v>396</v>
      </c>
      <c r="G36" s="90" t="s">
        <v>104</v>
      </c>
      <c r="H36" s="68" t="s">
        <v>397</v>
      </c>
      <c r="I36" s="90" t="s">
        <v>104</v>
      </c>
      <c r="J36" s="68" t="s">
        <v>398</v>
      </c>
      <c r="K36" s="90" t="s">
        <v>104</v>
      </c>
    </row>
    <row r="37" spans="1:19">
      <c r="A37" s="45" t="s">
        <v>434</v>
      </c>
      <c r="B37" s="145">
        <v>8499</v>
      </c>
      <c r="C37" s="84">
        <v>7</v>
      </c>
      <c r="D37" s="85">
        <v>3.9199999999999999E-2</v>
      </c>
      <c r="E37" s="83">
        <v>8499</v>
      </c>
      <c r="F37" s="98">
        <v>0.375</v>
      </c>
      <c r="G37" s="94">
        <v>1.0500577029469939E-2</v>
      </c>
      <c r="H37" s="98">
        <v>0.29199999999999998</v>
      </c>
      <c r="I37" s="94">
        <v>9.8626745175174474E-3</v>
      </c>
      <c r="J37" s="98">
        <v>0.33300000000000002</v>
      </c>
      <c r="K37" s="94">
        <v>1.0222440351509997E-2</v>
      </c>
    </row>
    <row r="38" spans="1:19">
      <c r="A38" s="49" t="s">
        <v>435</v>
      </c>
      <c r="B38" s="49">
        <v>7903</v>
      </c>
      <c r="C38" s="147">
        <v>6.98</v>
      </c>
      <c r="D38" s="148">
        <v>3.9199999999999999E-2</v>
      </c>
      <c r="E38" s="125">
        <v>7903</v>
      </c>
      <c r="F38" s="143">
        <v>0.38</v>
      </c>
      <c r="G38" s="97">
        <v>1.0917550105584376E-2</v>
      </c>
      <c r="H38" s="144">
        <v>0.28899999999999998</v>
      </c>
      <c r="I38" s="97">
        <v>1.0196601185226134E-2</v>
      </c>
      <c r="J38" s="144">
        <v>0.33100000000000002</v>
      </c>
      <c r="K38" s="97">
        <v>1.0584723311543207E-2</v>
      </c>
    </row>
    <row r="39" spans="1:19">
      <c r="A39" s="45" t="s">
        <v>436</v>
      </c>
      <c r="B39" s="53">
        <v>762</v>
      </c>
      <c r="C39" s="84">
        <v>6.6</v>
      </c>
      <c r="D39" s="85">
        <v>0.15679999999999999</v>
      </c>
      <c r="E39" s="83">
        <v>762</v>
      </c>
      <c r="F39" s="98">
        <v>0.43330000000000002</v>
      </c>
      <c r="G39" s="94">
        <v>3.5811914545822561E-2</v>
      </c>
      <c r="H39" s="98">
        <v>0.31990000000000002</v>
      </c>
      <c r="I39" s="94">
        <v>3.3732309960219774E-2</v>
      </c>
      <c r="J39" s="98">
        <v>0.2467</v>
      </c>
      <c r="K39" s="94">
        <v>3.1207839281605552E-2</v>
      </c>
    </row>
    <row r="40" spans="1:19">
      <c r="A40" s="49" t="s">
        <v>437</v>
      </c>
      <c r="B40" s="49">
        <v>2274</v>
      </c>
      <c r="C40" s="147">
        <v>7.09</v>
      </c>
      <c r="D40" s="148">
        <v>9.8000000000000004E-2</v>
      </c>
      <c r="E40" s="125">
        <v>2274</v>
      </c>
      <c r="F40" s="143">
        <v>0.36199999999999999</v>
      </c>
      <c r="G40" s="97">
        <v>2.014097902283955E-2</v>
      </c>
      <c r="H40" s="144">
        <v>0.29199999999999998</v>
      </c>
      <c r="I40" s="97">
        <v>1.9059898347249343E-2</v>
      </c>
      <c r="J40" s="144">
        <v>0.34599999999999997</v>
      </c>
      <c r="K40" s="97">
        <v>1.9937004122971339E-2</v>
      </c>
    </row>
    <row r="41" spans="1:19">
      <c r="A41" s="45" t="s">
        <v>438</v>
      </c>
      <c r="B41" s="53">
        <v>2217</v>
      </c>
      <c r="C41" s="84">
        <v>7.05</v>
      </c>
      <c r="D41" s="85">
        <v>9.8000000000000004E-2</v>
      </c>
      <c r="E41" s="83">
        <v>2217</v>
      </c>
      <c r="F41" s="98">
        <v>0.37</v>
      </c>
      <c r="G41" s="94">
        <v>2.0491960126641052E-2</v>
      </c>
      <c r="H41" s="98">
        <v>0.28999999999999998</v>
      </c>
      <c r="I41" s="94">
        <v>1.9264209772594822E-2</v>
      </c>
      <c r="J41" s="98">
        <v>0.34</v>
      </c>
      <c r="K41" s="94">
        <v>2.0107416525617559E-2</v>
      </c>
    </row>
    <row r="42" spans="1:19">
      <c r="A42" s="49" t="s">
        <v>449</v>
      </c>
      <c r="B42" s="49">
        <v>259</v>
      </c>
      <c r="C42" s="147">
        <v>7.16</v>
      </c>
      <c r="D42" s="148">
        <v>0.25480000000000003</v>
      </c>
      <c r="E42" s="125">
        <v>259</v>
      </c>
      <c r="F42" s="143">
        <v>0.38500000000000001</v>
      </c>
      <c r="G42" s="97">
        <v>6.0060074133034595E-2</v>
      </c>
      <c r="H42" s="144">
        <v>0.23300000000000001</v>
      </c>
      <c r="I42" s="97">
        <v>5.244776453335559E-2</v>
      </c>
      <c r="J42" s="144">
        <v>0.38100000000000001</v>
      </c>
      <c r="K42" s="97">
        <v>5.9945028958207969E-2</v>
      </c>
    </row>
    <row r="43" spans="1:19">
      <c r="A43" s="45" t="s">
        <v>439</v>
      </c>
      <c r="B43" s="53">
        <v>128</v>
      </c>
      <c r="C43" s="84">
        <v>7.3</v>
      </c>
      <c r="D43" s="85">
        <v>0.37240000000000001</v>
      </c>
      <c r="E43" s="83">
        <v>128</v>
      </c>
      <c r="F43" s="98">
        <v>0.36599999999999999</v>
      </c>
      <c r="G43" s="94">
        <v>8.4048282282424738E-2</v>
      </c>
      <c r="H43" s="98">
        <v>0.23599999999999999</v>
      </c>
      <c r="I43" s="94">
        <v>7.476508665024191E-2</v>
      </c>
      <c r="J43" s="98">
        <v>0.39800000000000002</v>
      </c>
      <c r="K43" s="94">
        <v>8.5318830159963888E-2</v>
      </c>
    </row>
    <row r="44" spans="1:19" ht="25.5">
      <c r="A44" s="49" t="s">
        <v>440</v>
      </c>
      <c r="B44" s="49">
        <v>86</v>
      </c>
      <c r="C44" s="147">
        <v>6.82</v>
      </c>
      <c r="D44" s="148">
        <v>0.47039999999999998</v>
      </c>
      <c r="E44" s="125">
        <v>86</v>
      </c>
      <c r="F44" s="143">
        <v>0.41399999999999998</v>
      </c>
      <c r="G44" s="97">
        <v>0.1039758118964868</v>
      </c>
      <c r="H44" s="144">
        <v>0.23799999999999999</v>
      </c>
      <c r="I44" s="97">
        <v>9.1243775021147278E-2</v>
      </c>
      <c r="J44" s="144">
        <v>0.34799999999999998</v>
      </c>
      <c r="K44" s="97">
        <v>0.10086383590608672</v>
      </c>
    </row>
    <row r="45" spans="1:19">
      <c r="A45" s="45" t="s">
        <v>475</v>
      </c>
      <c r="B45" s="53">
        <v>241</v>
      </c>
      <c r="C45" s="84">
        <v>7.16</v>
      </c>
      <c r="D45" s="85">
        <v>0.29399999999999998</v>
      </c>
      <c r="E45" s="83">
        <v>241</v>
      </c>
      <c r="F45" s="98">
        <v>0.36499999999999999</v>
      </c>
      <c r="G45" s="94">
        <v>6.1593167400682824E-2</v>
      </c>
      <c r="H45" s="98">
        <v>0.29199999999999998</v>
      </c>
      <c r="I45" s="94">
        <v>5.8293720707697845E-2</v>
      </c>
      <c r="J45" s="98">
        <v>0.34300000000000003</v>
      </c>
      <c r="K45" s="94">
        <v>6.0763750603308783E-2</v>
      </c>
    </row>
    <row r="46" spans="1:19">
      <c r="A46" s="49" t="s">
        <v>441</v>
      </c>
      <c r="B46" s="49">
        <v>76</v>
      </c>
      <c r="C46" s="147">
        <v>7.14</v>
      </c>
      <c r="D46" s="148">
        <v>0.54880000000000007</v>
      </c>
      <c r="E46" s="125">
        <v>76</v>
      </c>
      <c r="F46" s="143">
        <v>0.374</v>
      </c>
      <c r="G46" s="97">
        <v>0.10855227081917725</v>
      </c>
      <c r="H46" s="144">
        <v>0.26800000000000002</v>
      </c>
      <c r="I46" s="97">
        <v>0.10035532870754796</v>
      </c>
      <c r="J46" s="144">
        <v>0.35799999999999998</v>
      </c>
      <c r="K46" s="97">
        <v>0.10765732441408712</v>
      </c>
    </row>
    <row r="47" spans="1:19" ht="25.5">
      <c r="A47" s="45" t="s">
        <v>442</v>
      </c>
      <c r="B47" s="145">
        <v>100</v>
      </c>
      <c r="C47" s="84">
        <v>7.03</v>
      </c>
      <c r="D47" s="85">
        <v>0.45080000000000003</v>
      </c>
      <c r="E47" s="83">
        <v>100</v>
      </c>
      <c r="F47" s="98">
        <v>0.38900000000000001</v>
      </c>
      <c r="G47" s="94">
        <v>9.5797973099524619E-2</v>
      </c>
      <c r="H47" s="98">
        <v>0.28799999999999998</v>
      </c>
      <c r="I47" s="94">
        <v>8.9538720795086138E-2</v>
      </c>
      <c r="J47" s="98">
        <v>0.32400000000000001</v>
      </c>
      <c r="K47" s="94">
        <v>9.2270702647899064E-2</v>
      </c>
    </row>
    <row r="48" spans="1:19">
      <c r="A48" s="49" t="s">
        <v>462</v>
      </c>
      <c r="B48" s="146">
        <v>65</v>
      </c>
      <c r="C48" s="147">
        <v>7.34</v>
      </c>
      <c r="D48" s="148">
        <v>0.50960000000000005</v>
      </c>
      <c r="E48" s="125">
        <v>65</v>
      </c>
      <c r="F48" s="143">
        <v>0.33</v>
      </c>
      <c r="G48" s="97">
        <v>0.11404387718652066</v>
      </c>
      <c r="H48" s="144">
        <v>0.32100000000000001</v>
      </c>
      <c r="I48" s="97">
        <v>0.11333321918115216</v>
      </c>
      <c r="J48" s="144">
        <v>0.34899999999999998</v>
      </c>
      <c r="K48" s="97">
        <v>0.1154112918103416</v>
      </c>
    </row>
    <row r="49" spans="1:22">
      <c r="A49" s="45" t="s">
        <v>450</v>
      </c>
      <c r="B49" s="83">
        <v>230</v>
      </c>
      <c r="C49" s="84">
        <v>7.32</v>
      </c>
      <c r="D49" s="85">
        <v>0.25480000000000003</v>
      </c>
      <c r="E49" s="83">
        <v>230</v>
      </c>
      <c r="F49" s="98">
        <v>0.32500000000000001</v>
      </c>
      <c r="G49" s="94">
        <v>6.1381956723566743E-2</v>
      </c>
      <c r="H49" s="98">
        <v>0.34499999999999997</v>
      </c>
      <c r="I49" s="94">
        <v>6.2263480301459964E-2</v>
      </c>
      <c r="J49" s="98">
        <v>0.33</v>
      </c>
      <c r="K49" s="94">
        <v>6.1613572354752018E-2</v>
      </c>
    </row>
    <row r="50" spans="1:22">
      <c r="A50" s="49" t="s">
        <v>443</v>
      </c>
      <c r="B50" s="146">
        <v>110</v>
      </c>
      <c r="C50" s="147">
        <v>7.45</v>
      </c>
      <c r="D50" s="148">
        <v>0.41159999999999997</v>
      </c>
      <c r="E50" s="125">
        <v>110</v>
      </c>
      <c r="F50" s="143">
        <v>0.29399999999999998</v>
      </c>
      <c r="G50" s="97">
        <v>8.5939538092210166E-2</v>
      </c>
      <c r="H50" s="144">
        <v>0.254</v>
      </c>
      <c r="I50" s="97">
        <v>8.2431520263043262E-2</v>
      </c>
      <c r="J50" s="144">
        <v>0.45200000000000001</v>
      </c>
      <c r="K50" s="97">
        <v>9.325589161491224E-2</v>
      </c>
    </row>
    <row r="51" spans="1:22">
      <c r="A51" s="57" t="s">
        <v>444</v>
      </c>
      <c r="B51" s="145">
        <v>120</v>
      </c>
      <c r="C51" s="84">
        <v>7.26</v>
      </c>
      <c r="D51" s="85">
        <v>0.3332</v>
      </c>
      <c r="E51" s="83">
        <v>120</v>
      </c>
      <c r="F51" s="98">
        <v>0.34100000000000003</v>
      </c>
      <c r="G51" s="94">
        <v>8.5444516101453941E-2</v>
      </c>
      <c r="H51" s="98">
        <v>0.39200000000000002</v>
      </c>
      <c r="I51" s="94">
        <v>8.7818797820929551E-2</v>
      </c>
      <c r="J51" s="98">
        <v>0.26700000000000002</v>
      </c>
      <c r="K51" s="94">
        <v>8.0152480478672392E-2</v>
      </c>
    </row>
    <row r="52" spans="1:22">
      <c r="A52" s="49" t="s">
        <v>451</v>
      </c>
      <c r="B52" s="146">
        <v>71</v>
      </c>
      <c r="C52" s="147">
        <v>6.7</v>
      </c>
      <c r="D52" s="148">
        <v>0.56839999999999991</v>
      </c>
      <c r="E52" s="125">
        <v>71</v>
      </c>
      <c r="F52" s="143">
        <v>0.40799999999999997</v>
      </c>
      <c r="G52" s="97">
        <v>0.11370482283266356</v>
      </c>
      <c r="H52" s="144">
        <v>0.23699999999999999</v>
      </c>
      <c r="I52" s="97">
        <v>0.10013651462915051</v>
      </c>
      <c r="J52" s="144">
        <v>0.35599999999999998</v>
      </c>
      <c r="K52" s="97">
        <v>0.11109560029692145</v>
      </c>
    </row>
    <row r="53" spans="1:22">
      <c r="A53" s="57" t="s">
        <v>452</v>
      </c>
      <c r="B53" s="145">
        <v>281</v>
      </c>
      <c r="C53" s="84">
        <v>7.37</v>
      </c>
      <c r="D53" s="85">
        <v>0.25480000000000003</v>
      </c>
      <c r="E53" s="83">
        <v>281</v>
      </c>
      <c r="F53" s="98">
        <v>0.313</v>
      </c>
      <c r="G53" s="94">
        <v>5.5060502306813523E-2</v>
      </c>
      <c r="H53" s="98">
        <v>0.30599999999999999</v>
      </c>
      <c r="I53" s="94">
        <v>5.4729066070131359E-2</v>
      </c>
      <c r="J53" s="98">
        <v>0.38100000000000001</v>
      </c>
      <c r="K53" s="94">
        <v>5.7580907199716119E-2</v>
      </c>
    </row>
    <row r="54" spans="1:22">
      <c r="A54" s="49" t="s">
        <v>445</v>
      </c>
      <c r="B54" s="146">
        <v>92</v>
      </c>
      <c r="C54" s="147">
        <v>7.3</v>
      </c>
      <c r="D54" s="148">
        <v>0.43119999999999997</v>
      </c>
      <c r="E54" s="125">
        <v>92</v>
      </c>
      <c r="F54" s="143">
        <v>0.33500000000000002</v>
      </c>
      <c r="G54" s="97">
        <v>9.6823827210170743E-2</v>
      </c>
      <c r="H54" s="144">
        <v>0.30299999999999999</v>
      </c>
      <c r="I54" s="97">
        <v>9.4506989732070043E-2</v>
      </c>
      <c r="J54" s="144">
        <v>0.36099999999999999</v>
      </c>
      <c r="K54" s="97">
        <v>9.8373340716746763E-2</v>
      </c>
    </row>
    <row r="55" spans="1:22">
      <c r="A55" s="57" t="s">
        <v>446</v>
      </c>
      <c r="B55" s="145">
        <v>108</v>
      </c>
      <c r="C55" s="84">
        <v>7.57</v>
      </c>
      <c r="D55" s="85">
        <v>0.41159999999999997</v>
      </c>
      <c r="E55" s="83">
        <v>108</v>
      </c>
      <c r="F55" s="98">
        <v>0.26300000000000001</v>
      </c>
      <c r="G55" s="94">
        <v>8.4043234472314973E-2</v>
      </c>
      <c r="H55" s="98">
        <v>0.35099999999999998</v>
      </c>
      <c r="I55" s="94">
        <v>9.0505814357864187E-2</v>
      </c>
      <c r="J55" s="98">
        <v>0.38600000000000001</v>
      </c>
      <c r="K55" s="94">
        <v>9.2179117015203732E-2</v>
      </c>
    </row>
    <row r="56" spans="1:22">
      <c r="A56" s="49" t="s">
        <v>447</v>
      </c>
      <c r="B56" s="146">
        <v>81</v>
      </c>
      <c r="C56" s="147">
        <v>7.19</v>
      </c>
      <c r="D56" s="148">
        <v>0.47039999999999998</v>
      </c>
      <c r="E56" s="125">
        <v>81</v>
      </c>
      <c r="F56" s="143">
        <v>0.35199999999999998</v>
      </c>
      <c r="G56" s="97">
        <v>0.10406085229058186</v>
      </c>
      <c r="H56" s="144">
        <v>0.251</v>
      </c>
      <c r="I56" s="97">
        <v>9.5473331042560269E-2</v>
      </c>
      <c r="J56" s="144">
        <v>0.39700000000000002</v>
      </c>
      <c r="K56" s="97">
        <v>0.10635478918687169</v>
      </c>
    </row>
    <row r="57" spans="1:22">
      <c r="A57" s="57" t="s">
        <v>453</v>
      </c>
      <c r="B57" s="145">
        <v>67</v>
      </c>
      <c r="C57" s="84">
        <v>6.73</v>
      </c>
      <c r="D57" s="85">
        <v>0.60760000000000003</v>
      </c>
      <c r="E57" s="83">
        <v>67</v>
      </c>
      <c r="F57" s="98">
        <v>0.40100000000000002</v>
      </c>
      <c r="G57" s="94">
        <v>0.11658817129252513</v>
      </c>
      <c r="H57" s="98">
        <v>0.27700000000000002</v>
      </c>
      <c r="I57" s="94">
        <v>0.10765527379754466</v>
      </c>
      <c r="J57" s="98">
        <v>0.32200000000000001</v>
      </c>
      <c r="K57" s="94">
        <v>0.11178083788396667</v>
      </c>
    </row>
    <row r="58" spans="1:22">
      <c r="A58" s="49" t="s">
        <v>459</v>
      </c>
      <c r="B58" s="146">
        <v>33</v>
      </c>
      <c r="C58" s="147">
        <v>7.27</v>
      </c>
      <c r="D58" s="148">
        <v>0.66639999999999999</v>
      </c>
      <c r="E58" s="125">
        <v>33</v>
      </c>
      <c r="F58" s="143">
        <v>0.34200000000000003</v>
      </c>
      <c r="G58" s="97">
        <v>0.15773459004382773</v>
      </c>
      <c r="H58" s="144">
        <v>0.311</v>
      </c>
      <c r="I58" s="97">
        <v>0.154774456711049</v>
      </c>
      <c r="J58" s="144">
        <v>0.34699999999999998</v>
      </c>
      <c r="K58" s="97">
        <v>0.15815791490102957</v>
      </c>
    </row>
    <row r="60" spans="1:22" s="249" customFormat="1">
      <c r="A60" s="242"/>
      <c r="B60" s="243"/>
      <c r="C60" s="244"/>
      <c r="D60" s="245"/>
      <c r="E60" s="246"/>
      <c r="F60" s="247"/>
      <c r="G60" s="248"/>
      <c r="H60" s="247"/>
      <c r="I60" s="248"/>
    </row>
    <row r="61" spans="1:22" ht="18.75">
      <c r="A61" s="321" t="s">
        <v>295</v>
      </c>
      <c r="B61" s="321"/>
      <c r="C61" s="321"/>
      <c r="D61" s="321"/>
      <c r="E61" s="321"/>
      <c r="F61" s="321"/>
      <c r="G61" s="321"/>
      <c r="H61" s="321"/>
      <c r="I61" s="321"/>
      <c r="J61" s="321"/>
      <c r="K61" s="321"/>
      <c r="L61" s="321"/>
      <c r="M61" s="321"/>
      <c r="N61" s="321"/>
      <c r="O61" s="321"/>
      <c r="P61" s="321"/>
      <c r="Q61" s="321"/>
      <c r="R61" s="321"/>
      <c r="S61" s="321"/>
      <c r="T61" s="321"/>
      <c r="U61" s="321"/>
      <c r="V61" s="321"/>
    </row>
    <row r="62" spans="1:22" ht="73.5" customHeight="1">
      <c r="A62" s="370" t="s">
        <v>493</v>
      </c>
      <c r="B62" s="370"/>
      <c r="C62" s="370"/>
      <c r="D62" s="370"/>
      <c r="E62" s="370"/>
      <c r="F62" s="370"/>
      <c r="G62" s="370"/>
      <c r="H62" s="370"/>
      <c r="I62" s="370"/>
      <c r="J62" s="370"/>
      <c r="K62" s="370"/>
      <c r="L62" s="370"/>
      <c r="M62" s="370"/>
      <c r="N62" s="370"/>
      <c r="O62" s="370"/>
      <c r="P62" s="370"/>
      <c r="Q62" s="370"/>
      <c r="R62" s="370"/>
      <c r="S62" s="370"/>
      <c r="T62" s="370"/>
      <c r="U62" s="370"/>
      <c r="V62" s="370"/>
    </row>
    <row r="63" spans="1:22" ht="57.75" customHeight="1">
      <c r="A63" s="241"/>
      <c r="B63" s="360" t="s">
        <v>340</v>
      </c>
      <c r="C63" s="360"/>
      <c r="D63" s="360"/>
      <c r="E63" s="360"/>
      <c r="F63" s="360"/>
      <c r="G63" s="360"/>
      <c r="H63" s="360"/>
      <c r="I63" s="360" t="s">
        <v>341</v>
      </c>
      <c r="J63" s="360"/>
      <c r="K63" s="360"/>
      <c r="L63" s="360"/>
      <c r="M63" s="360"/>
      <c r="N63" s="360"/>
      <c r="O63" s="360"/>
      <c r="P63" s="360" t="s">
        <v>342</v>
      </c>
      <c r="Q63" s="360"/>
      <c r="R63" s="360"/>
      <c r="S63" s="360"/>
      <c r="T63" s="360"/>
      <c r="U63" s="360"/>
      <c r="V63" s="360"/>
    </row>
    <row r="64" spans="1:22" ht="44.25" customHeight="1">
      <c r="A64" s="37" t="s">
        <v>85</v>
      </c>
      <c r="B64" s="38" t="s">
        <v>86</v>
      </c>
      <c r="C64" s="38" t="s">
        <v>296</v>
      </c>
      <c r="D64" s="89" t="s">
        <v>299</v>
      </c>
      <c r="E64" s="38" t="s">
        <v>298</v>
      </c>
      <c r="F64" s="89" t="s">
        <v>300</v>
      </c>
      <c r="G64" s="38" t="s">
        <v>297</v>
      </c>
      <c r="H64" s="89" t="s">
        <v>301</v>
      </c>
      <c r="I64" s="65" t="s">
        <v>86</v>
      </c>
      <c r="J64" s="65" t="s">
        <v>302</v>
      </c>
      <c r="K64" s="88" t="s">
        <v>303</v>
      </c>
      <c r="L64" s="65" t="s">
        <v>304</v>
      </c>
      <c r="M64" s="88" t="s">
        <v>305</v>
      </c>
      <c r="N64" s="65" t="s">
        <v>306</v>
      </c>
      <c r="O64" s="88" t="s">
        <v>307</v>
      </c>
      <c r="P64" s="38" t="s">
        <v>86</v>
      </c>
      <c r="Q64" s="38" t="s">
        <v>308</v>
      </c>
      <c r="R64" s="89" t="s">
        <v>309</v>
      </c>
      <c r="S64" s="38" t="s">
        <v>310</v>
      </c>
      <c r="T64" s="89" t="s">
        <v>311</v>
      </c>
      <c r="U64" s="38" t="s">
        <v>312</v>
      </c>
      <c r="V64" s="89" t="s">
        <v>313</v>
      </c>
    </row>
    <row r="65" spans="1:22" ht="72">
      <c r="A65" s="41"/>
      <c r="B65" s="42" t="s">
        <v>89</v>
      </c>
      <c r="C65" s="42" t="s">
        <v>400</v>
      </c>
      <c r="D65" s="91" t="s">
        <v>104</v>
      </c>
      <c r="E65" s="42" t="s">
        <v>401</v>
      </c>
      <c r="F65" s="91" t="s">
        <v>104</v>
      </c>
      <c r="G65" s="42" t="s">
        <v>402</v>
      </c>
      <c r="H65" s="91" t="s">
        <v>104</v>
      </c>
      <c r="I65" s="68" t="s">
        <v>89</v>
      </c>
      <c r="J65" s="68" t="s">
        <v>400</v>
      </c>
      <c r="K65" s="90" t="s">
        <v>104</v>
      </c>
      <c r="L65" s="68" t="s">
        <v>401</v>
      </c>
      <c r="M65" s="90" t="s">
        <v>104</v>
      </c>
      <c r="N65" s="68" t="s">
        <v>402</v>
      </c>
      <c r="O65" s="90" t="s">
        <v>104</v>
      </c>
      <c r="P65" s="42" t="s">
        <v>89</v>
      </c>
      <c r="Q65" s="42" t="s">
        <v>400</v>
      </c>
      <c r="R65" s="91" t="s">
        <v>104</v>
      </c>
      <c r="S65" s="42" t="s">
        <v>401</v>
      </c>
      <c r="T65" s="91" t="s">
        <v>104</v>
      </c>
      <c r="U65" s="42" t="s">
        <v>402</v>
      </c>
      <c r="V65" s="91" t="s">
        <v>104</v>
      </c>
    </row>
    <row r="66" spans="1:22">
      <c r="A66" s="45" t="s">
        <v>434</v>
      </c>
      <c r="B66" s="83">
        <v>8484</v>
      </c>
      <c r="C66" s="98">
        <v>0.32</v>
      </c>
      <c r="D66" s="94">
        <v>1.0127149474162347E-2</v>
      </c>
      <c r="E66" s="98">
        <v>0.39400000000000002</v>
      </c>
      <c r="F66" s="94">
        <v>1.0607703252415128E-2</v>
      </c>
      <c r="G66" s="98">
        <v>0.28699999999999998</v>
      </c>
      <c r="H66" s="94">
        <v>9.8210604486161854E-3</v>
      </c>
      <c r="I66" s="83">
        <v>8425</v>
      </c>
      <c r="J66" s="98">
        <v>0.78900000000000003</v>
      </c>
      <c r="K66" s="94">
        <v>8.8904766373461511E-3</v>
      </c>
      <c r="L66" s="98">
        <v>0.155</v>
      </c>
      <c r="M66" s="94">
        <v>7.8872088091317093E-3</v>
      </c>
      <c r="N66" s="98">
        <v>5.6000000000000001E-2</v>
      </c>
      <c r="O66" s="94">
        <v>5.0175186383312033E-3</v>
      </c>
      <c r="P66" s="83">
        <v>8428</v>
      </c>
      <c r="Q66" s="98">
        <v>0.875</v>
      </c>
      <c r="R66" s="94">
        <v>7.2075620688279345E-3</v>
      </c>
      <c r="S66" s="98">
        <v>8.8999999999999996E-2</v>
      </c>
      <c r="T66" s="94">
        <v>6.2079411632591482E-3</v>
      </c>
      <c r="U66" s="98">
        <v>3.6999999999999998E-2</v>
      </c>
      <c r="V66" s="94">
        <v>4.1230100085499575E-3</v>
      </c>
    </row>
    <row r="67" spans="1:22">
      <c r="A67" s="49" t="s">
        <v>435</v>
      </c>
      <c r="B67" s="151">
        <v>7888</v>
      </c>
      <c r="C67" s="153">
        <v>0.316</v>
      </c>
      <c r="D67" s="97">
        <v>1.0467489084355273E-2</v>
      </c>
      <c r="E67" s="153">
        <v>0.40400000000000003</v>
      </c>
      <c r="F67" s="97">
        <v>1.1047364730406279E-2</v>
      </c>
      <c r="G67" s="153">
        <v>0.28100000000000003</v>
      </c>
      <c r="H67" s="97">
        <v>1.0120600826100718E-2</v>
      </c>
      <c r="I67" s="151">
        <v>7833</v>
      </c>
      <c r="J67" s="153">
        <v>0.79200000000000004</v>
      </c>
      <c r="K67" s="97">
        <v>9.1719990184560909E-3</v>
      </c>
      <c r="L67" s="153">
        <v>0.153</v>
      </c>
      <c r="M67" s="97">
        <v>8.1366999405030546E-3</v>
      </c>
      <c r="N67" s="153">
        <v>5.5E-2</v>
      </c>
      <c r="O67" s="97">
        <v>5.1605383290471638E-3</v>
      </c>
      <c r="P67" s="151">
        <v>7837</v>
      </c>
      <c r="Q67" s="153">
        <v>0.88200000000000001</v>
      </c>
      <c r="R67" s="97">
        <v>7.2917185617857117E-3</v>
      </c>
      <c r="S67" s="153">
        <v>0.08</v>
      </c>
      <c r="T67" s="97">
        <v>6.1349833936778777E-3</v>
      </c>
      <c r="U67" s="153">
        <v>3.7999999999999999E-2</v>
      </c>
      <c r="V67" s="97">
        <v>4.3312478023080133E-3</v>
      </c>
    </row>
    <row r="68" spans="1:22">
      <c r="A68" s="45" t="s">
        <v>436</v>
      </c>
      <c r="B68" s="83">
        <v>761</v>
      </c>
      <c r="C68" s="98">
        <v>0.3674</v>
      </c>
      <c r="D68" s="94">
        <v>3.4874237643047236E-2</v>
      </c>
      <c r="E68" s="98">
        <v>0.40589999999999998</v>
      </c>
      <c r="F68" s="94">
        <v>3.5515810507105915E-2</v>
      </c>
      <c r="G68" s="98">
        <v>0.22670000000000001</v>
      </c>
      <c r="H68" s="94">
        <v>3.034323648043747E-2</v>
      </c>
      <c r="I68" s="83">
        <v>756</v>
      </c>
      <c r="J68" s="98">
        <v>0.76900000000000002</v>
      </c>
      <c r="K68" s="94">
        <v>3.0642135616535424E-2</v>
      </c>
      <c r="L68" s="98">
        <v>0.15640000000000001</v>
      </c>
      <c r="M68" s="94">
        <v>2.6475263187466229E-2</v>
      </c>
      <c r="N68" s="98">
        <v>7.4700000000000003E-2</v>
      </c>
      <c r="O68" s="94">
        <v>1.9333486142273235E-2</v>
      </c>
      <c r="P68" s="83">
        <v>757</v>
      </c>
      <c r="Q68" s="98">
        <v>0.86240000000000006</v>
      </c>
      <c r="R68" s="94">
        <v>2.5119243137427246E-2</v>
      </c>
      <c r="S68" s="98">
        <v>9.6299999999999997E-2</v>
      </c>
      <c r="T68" s="94">
        <v>2.1596596021918667E-2</v>
      </c>
      <c r="U68" s="98">
        <v>4.1300000000000003E-2</v>
      </c>
      <c r="V68" s="94">
        <v>1.4822716390196762E-2</v>
      </c>
    </row>
    <row r="69" spans="1:22">
      <c r="A69" s="49" t="s">
        <v>437</v>
      </c>
      <c r="B69" s="151">
        <v>2271</v>
      </c>
      <c r="C69" s="153">
        <v>0.312</v>
      </c>
      <c r="D69" s="97">
        <v>1.9432845304406594E-2</v>
      </c>
      <c r="E69" s="153">
        <v>0.39</v>
      </c>
      <c r="F69" s="97">
        <v>2.0453861756095724E-2</v>
      </c>
      <c r="G69" s="153">
        <v>0.29899999999999999</v>
      </c>
      <c r="H69" s="97">
        <v>1.9203522779128075E-2</v>
      </c>
      <c r="I69" s="151">
        <v>2257</v>
      </c>
      <c r="J69" s="153">
        <v>0.80200000000000005</v>
      </c>
      <c r="K69" s="97">
        <v>1.6777990351712915E-2</v>
      </c>
      <c r="L69" s="153">
        <v>0.14699999999999999</v>
      </c>
      <c r="M69" s="97">
        <v>1.4920192155196124E-2</v>
      </c>
      <c r="N69" s="153">
        <v>5.0999999999999997E-2</v>
      </c>
      <c r="O69" s="97">
        <v>9.3212065794442585E-3</v>
      </c>
      <c r="P69" s="151">
        <v>2256</v>
      </c>
      <c r="Q69" s="153">
        <v>0.88200000000000001</v>
      </c>
      <c r="R69" s="97">
        <v>1.3605834772122412E-2</v>
      </c>
      <c r="S69" s="153">
        <v>8.2000000000000003E-2</v>
      </c>
      <c r="T69" s="97">
        <v>1.1589890674029399E-2</v>
      </c>
      <c r="U69" s="153">
        <v>3.5000000000000003E-2</v>
      </c>
      <c r="V69" s="97">
        <v>7.8187114895407282E-3</v>
      </c>
    </row>
    <row r="70" spans="1:22">
      <c r="A70" s="45" t="s">
        <v>438</v>
      </c>
      <c r="B70" s="83">
        <v>2214</v>
      </c>
      <c r="C70" s="98">
        <v>0.313</v>
      </c>
      <c r="D70" s="94">
        <v>1.9698219805408076E-2</v>
      </c>
      <c r="E70" s="98">
        <v>0.39400000000000002</v>
      </c>
      <c r="F70" s="94">
        <v>2.0752502214538251E-2</v>
      </c>
      <c r="G70" s="98">
        <v>0.29299999999999998</v>
      </c>
      <c r="H70" s="94">
        <v>1.9335461550552113E-2</v>
      </c>
      <c r="I70" s="83">
        <v>2201</v>
      </c>
      <c r="J70" s="98">
        <v>0.79900000000000004</v>
      </c>
      <c r="K70" s="94">
        <v>1.7085781343390127E-2</v>
      </c>
      <c r="L70" s="98">
        <v>0.14899999999999999</v>
      </c>
      <c r="M70" s="94">
        <v>1.5193123060875752E-2</v>
      </c>
      <c r="N70" s="98">
        <v>5.0999999999999997E-2</v>
      </c>
      <c r="O70" s="94">
        <v>9.4405665659739423E-3</v>
      </c>
      <c r="P70" s="83">
        <v>2200</v>
      </c>
      <c r="Q70" s="98">
        <v>0.878</v>
      </c>
      <c r="R70" s="94">
        <v>1.3976527157829951E-2</v>
      </c>
      <c r="S70" s="98">
        <v>8.3000000000000004E-2</v>
      </c>
      <c r="T70" s="94">
        <v>1.1801565869259604E-2</v>
      </c>
      <c r="U70" s="98">
        <v>3.7999999999999999E-2</v>
      </c>
      <c r="V70" s="94">
        <v>8.2310165820869141E-3</v>
      </c>
    </row>
    <row r="71" spans="1:22">
      <c r="A71" s="49" t="s">
        <v>449</v>
      </c>
      <c r="B71" s="151">
        <v>259</v>
      </c>
      <c r="C71" s="153">
        <v>0.30099999999999999</v>
      </c>
      <c r="D71" s="97">
        <v>5.6728883979784775E-2</v>
      </c>
      <c r="E71" s="153">
        <v>0.40799999999999997</v>
      </c>
      <c r="F71" s="97">
        <v>6.0641877410661162E-2</v>
      </c>
      <c r="G71" s="153">
        <v>0.29099999999999998</v>
      </c>
      <c r="H71" s="97">
        <v>5.6195962865990642E-2</v>
      </c>
      <c r="I71" s="151">
        <v>258</v>
      </c>
      <c r="J71" s="153">
        <v>0.82299999999999995</v>
      </c>
      <c r="K71" s="97">
        <v>4.7668111610184652E-2</v>
      </c>
      <c r="L71" s="153">
        <v>0.14399999999999999</v>
      </c>
      <c r="M71" s="97">
        <v>4.4051368532353807E-2</v>
      </c>
      <c r="N71" s="153">
        <v>3.3000000000000002E-2</v>
      </c>
      <c r="O71" s="97">
        <v>2.4250402522028511E-2</v>
      </c>
      <c r="P71" s="151">
        <v>257</v>
      </c>
      <c r="Q71" s="153">
        <v>0.86</v>
      </c>
      <c r="R71" s="97">
        <v>4.3653454847966636E-2</v>
      </c>
      <c r="S71" s="153">
        <v>7.2999999999999995E-2</v>
      </c>
      <c r="T71" s="97">
        <v>3.349771047569549E-2</v>
      </c>
      <c r="U71" s="153">
        <v>6.7000000000000004E-2</v>
      </c>
      <c r="V71" s="97">
        <v>3.2332978448728601E-2</v>
      </c>
    </row>
    <row r="72" spans="1:22">
      <c r="A72" s="45" t="s">
        <v>439</v>
      </c>
      <c r="B72" s="83">
        <v>128</v>
      </c>
      <c r="C72" s="98">
        <v>0.24299999999999999</v>
      </c>
      <c r="D72" s="94">
        <v>7.5456854748351315E-2</v>
      </c>
      <c r="E72" s="98">
        <v>0.45700000000000002</v>
      </c>
      <c r="F72" s="94">
        <v>8.6735642025166787E-2</v>
      </c>
      <c r="G72" s="98">
        <v>0.3</v>
      </c>
      <c r="H72" s="94">
        <v>8.0224592216575172E-2</v>
      </c>
      <c r="I72" s="83">
        <v>128</v>
      </c>
      <c r="J72" s="98">
        <v>0.82899999999999996</v>
      </c>
      <c r="K72" s="94">
        <v>6.7018691591813229E-2</v>
      </c>
      <c r="L72" s="98">
        <v>0.129</v>
      </c>
      <c r="M72" s="94">
        <v>6.0446441779387253E-2</v>
      </c>
      <c r="N72" s="98">
        <v>4.2000000000000003E-2</v>
      </c>
      <c r="O72" s="94">
        <v>3.9983462090304636E-2</v>
      </c>
      <c r="P72" s="83">
        <v>127</v>
      </c>
      <c r="Q72" s="98">
        <v>0.86899999999999999</v>
      </c>
      <c r="R72" s="94">
        <v>6.1041151512138528E-2</v>
      </c>
      <c r="S72" s="98">
        <v>5.8999999999999997E-2</v>
      </c>
      <c r="T72" s="94">
        <v>4.5302841388734777E-2</v>
      </c>
      <c r="U72" s="98">
        <v>7.2999999999999995E-2</v>
      </c>
      <c r="V72" s="94">
        <v>4.9000888478202498E-2</v>
      </c>
    </row>
    <row r="73" spans="1:22" ht="25.5">
      <c r="A73" s="49" t="s">
        <v>440</v>
      </c>
      <c r="B73" s="151">
        <v>86</v>
      </c>
      <c r="C73" s="153">
        <v>0.45200000000000001</v>
      </c>
      <c r="D73" s="97">
        <v>0.10496480868237885</v>
      </c>
      <c r="E73" s="153">
        <v>0.30599999999999999</v>
      </c>
      <c r="F73" s="97">
        <v>9.7896789075972546E-2</v>
      </c>
      <c r="G73" s="153">
        <v>0.24199999999999999</v>
      </c>
      <c r="H73" s="97">
        <v>9.1705159325490393E-2</v>
      </c>
      <c r="I73" s="151">
        <v>86</v>
      </c>
      <c r="J73" s="153">
        <v>0.80400000000000005</v>
      </c>
      <c r="K73" s="97">
        <v>8.5794639934127656E-2</v>
      </c>
      <c r="L73" s="153">
        <v>0.17299999999999999</v>
      </c>
      <c r="M73" s="97">
        <v>8.2290699412974622E-2</v>
      </c>
      <c r="N73" s="153">
        <v>2.4E-2</v>
      </c>
      <c r="O73" s="97">
        <v>4.3775452968288921E-2</v>
      </c>
      <c r="P73" s="151">
        <v>86</v>
      </c>
      <c r="Q73" s="153">
        <v>0.80200000000000005</v>
      </c>
      <c r="R73" s="97">
        <v>8.6080806009454336E-2</v>
      </c>
      <c r="S73" s="153">
        <v>0.13700000000000001</v>
      </c>
      <c r="T73" s="97">
        <v>7.5919113551655329E-2</v>
      </c>
      <c r="U73" s="153">
        <v>6.0999999999999999E-2</v>
      </c>
      <c r="V73" s="97">
        <v>5.736009921685415E-2</v>
      </c>
    </row>
    <row r="74" spans="1:22">
      <c r="A74" s="45" t="s">
        <v>475</v>
      </c>
      <c r="B74" s="83">
        <v>241</v>
      </c>
      <c r="C74" s="98">
        <v>0.32500000000000001</v>
      </c>
      <c r="D74" s="94">
        <v>5.9981879812761395E-2</v>
      </c>
      <c r="E74" s="98">
        <v>0.41899999999999998</v>
      </c>
      <c r="F74" s="94">
        <v>6.3071257124942867E-2</v>
      </c>
      <c r="G74" s="98">
        <v>0.25600000000000001</v>
      </c>
      <c r="H74" s="94">
        <v>5.6045486337037979E-2</v>
      </c>
      <c r="I74" s="83">
        <v>239</v>
      </c>
      <c r="J74" s="98">
        <v>0.76800000000000002</v>
      </c>
      <c r="K74" s="94">
        <v>5.4511842576321579E-2</v>
      </c>
      <c r="L74" s="98">
        <v>0.17899999999999999</v>
      </c>
      <c r="M74" s="94">
        <v>4.9743932965407973E-2</v>
      </c>
      <c r="N74" s="98">
        <v>5.3999999999999999E-2</v>
      </c>
      <c r="O74" s="94">
        <v>3.0786340923559776E-2</v>
      </c>
      <c r="P74" s="83">
        <v>239</v>
      </c>
      <c r="Q74" s="98">
        <v>0.9</v>
      </c>
      <c r="R74" s="94">
        <v>3.959135622650773E-2</v>
      </c>
      <c r="S74" s="98">
        <v>7.6999999999999999E-2</v>
      </c>
      <c r="T74" s="94">
        <v>3.5581745866446926E-2</v>
      </c>
      <c r="U74" s="98">
        <v>2.3E-2</v>
      </c>
      <c r="V74" s="94">
        <v>2.2185159867355825E-2</v>
      </c>
    </row>
    <row r="75" spans="1:22">
      <c r="A75" s="49" t="s">
        <v>441</v>
      </c>
      <c r="B75" s="151">
        <v>76</v>
      </c>
      <c r="C75" s="153">
        <v>0.25900000000000001</v>
      </c>
      <c r="D75" s="97">
        <v>9.9393635988427348E-2</v>
      </c>
      <c r="E75" s="153">
        <v>0.47</v>
      </c>
      <c r="F75" s="97">
        <v>0.1116216264887768</v>
      </c>
      <c r="G75" s="153">
        <v>0.27200000000000002</v>
      </c>
      <c r="H75" s="97">
        <v>0.1007681596537319</v>
      </c>
      <c r="I75" s="151">
        <v>76</v>
      </c>
      <c r="J75" s="153">
        <v>0.72599999999999998</v>
      </c>
      <c r="K75" s="97">
        <v>0.10097126076265464</v>
      </c>
      <c r="L75" s="153">
        <v>0.20599999999999999</v>
      </c>
      <c r="M75" s="97">
        <v>9.2733896176101643E-2</v>
      </c>
      <c r="N75" s="153">
        <v>6.8000000000000005E-2</v>
      </c>
      <c r="O75" s="97">
        <v>6.3863855192119429E-2</v>
      </c>
      <c r="P75" s="151">
        <v>75</v>
      </c>
      <c r="Q75" s="153">
        <v>0.91300000000000003</v>
      </c>
      <c r="R75" s="97">
        <v>6.9815860442522706E-2</v>
      </c>
      <c r="S75" s="153">
        <v>6.3E-2</v>
      </c>
      <c r="T75" s="97">
        <v>6.2795648993861863E-2</v>
      </c>
      <c r="U75" s="153">
        <v>2.4E-2</v>
      </c>
      <c r="V75" s="97">
        <v>4.814931104783636E-2</v>
      </c>
    </row>
    <row r="76" spans="1:22" ht="25.5">
      <c r="A76" s="45" t="s">
        <v>442</v>
      </c>
      <c r="B76" s="83">
        <v>100</v>
      </c>
      <c r="C76" s="98">
        <v>0.373</v>
      </c>
      <c r="D76" s="94">
        <v>9.5088588824445638E-2</v>
      </c>
      <c r="E76" s="98">
        <v>0.38700000000000001</v>
      </c>
      <c r="F76" s="94">
        <v>9.5714789010005449E-2</v>
      </c>
      <c r="G76" s="98">
        <v>0.24</v>
      </c>
      <c r="H76" s="94">
        <v>8.4920777560844679E-2</v>
      </c>
      <c r="I76" s="83">
        <v>99</v>
      </c>
      <c r="J76" s="98">
        <v>0.79200000000000004</v>
      </c>
      <c r="K76" s="94">
        <v>8.1545711858778056E-2</v>
      </c>
      <c r="L76" s="98">
        <v>0.14199999999999999</v>
      </c>
      <c r="M76" s="94">
        <v>7.1488255388875516E-2</v>
      </c>
      <c r="N76" s="98">
        <v>6.7000000000000004E-2</v>
      </c>
      <c r="O76" s="94">
        <v>5.4609110603791908E-2</v>
      </c>
      <c r="P76" s="83">
        <v>99</v>
      </c>
      <c r="Q76" s="98">
        <v>0.84299999999999997</v>
      </c>
      <c r="R76" s="94">
        <v>7.4079818842170117E-2</v>
      </c>
      <c r="S76" s="98">
        <v>0.114</v>
      </c>
      <c r="T76" s="94">
        <v>6.6054345387364294E-2</v>
      </c>
      <c r="U76" s="98">
        <v>4.2999999999999997E-2</v>
      </c>
      <c r="V76" s="94">
        <v>4.7072472615717675E-2</v>
      </c>
    </row>
    <row r="77" spans="1:22">
      <c r="A77" s="49" t="s">
        <v>462</v>
      </c>
      <c r="B77" s="151">
        <v>65</v>
      </c>
      <c r="C77" s="153">
        <v>0.33900000000000002</v>
      </c>
      <c r="D77" s="97">
        <v>0.11471381459640884</v>
      </c>
      <c r="E77" s="153">
        <v>0.40400000000000003</v>
      </c>
      <c r="F77" s="97">
        <v>0.118400340308588</v>
      </c>
      <c r="G77" s="153">
        <v>0.25700000000000001</v>
      </c>
      <c r="H77" s="97">
        <v>0.10702805226899116</v>
      </c>
      <c r="I77" s="151">
        <v>64</v>
      </c>
      <c r="J77" s="153">
        <v>0.78400000000000003</v>
      </c>
      <c r="K77" s="97">
        <v>0.10248496436960894</v>
      </c>
      <c r="L77" s="153">
        <v>0.192</v>
      </c>
      <c r="M77" s="97">
        <v>9.8807067338706686E-2</v>
      </c>
      <c r="N77" s="153">
        <v>2.4E-2</v>
      </c>
      <c r="O77" s="97">
        <v>5.3849463375992453E-2</v>
      </c>
      <c r="P77" s="151">
        <v>65</v>
      </c>
      <c r="Q77" s="153">
        <v>0.95099999999999996</v>
      </c>
      <c r="R77" s="97">
        <v>6.3473453267251304E-2</v>
      </c>
      <c r="S77" s="153">
        <v>4.8000000000000001E-2</v>
      </c>
      <c r="T77" s="97">
        <v>6.3106456362496094E-2</v>
      </c>
      <c r="U77" s="153">
        <v>0</v>
      </c>
      <c r="V77" s="97">
        <v>4.0393246397800862E-2</v>
      </c>
    </row>
    <row r="78" spans="1:22">
      <c r="A78" s="45" t="s">
        <v>450</v>
      </c>
      <c r="B78" s="83">
        <v>230</v>
      </c>
      <c r="C78" s="98">
        <v>0.28899999999999998</v>
      </c>
      <c r="D78" s="94">
        <v>5.9483255733806223E-2</v>
      </c>
      <c r="E78" s="98">
        <v>0.443</v>
      </c>
      <c r="F78" s="94">
        <v>6.4960359713814211E-2</v>
      </c>
      <c r="G78" s="98">
        <v>0.26800000000000002</v>
      </c>
      <c r="H78" s="94">
        <v>5.8177507488423881E-2</v>
      </c>
      <c r="I78" s="83">
        <v>228</v>
      </c>
      <c r="J78" s="98">
        <v>0.88800000000000001</v>
      </c>
      <c r="K78" s="94">
        <v>4.2467517186560548E-2</v>
      </c>
      <c r="L78" s="98">
        <v>8.6999999999999994E-2</v>
      </c>
      <c r="M78" s="94">
        <v>3.8341025437784171E-2</v>
      </c>
      <c r="N78" s="98">
        <v>2.5000000000000001E-2</v>
      </c>
      <c r="O78" s="94">
        <v>2.3521121088821449E-2</v>
      </c>
      <c r="P78" s="83">
        <v>227</v>
      </c>
      <c r="Q78" s="98">
        <v>0.95299999999999996</v>
      </c>
      <c r="R78" s="94">
        <v>2.9959937005088654E-2</v>
      </c>
      <c r="S78" s="98">
        <v>0.03</v>
      </c>
      <c r="T78" s="94">
        <v>2.5203580041843754E-2</v>
      </c>
      <c r="U78" s="98">
        <v>1.6E-2</v>
      </c>
      <c r="V78" s="94">
        <v>2.0295019559197942E-2</v>
      </c>
    </row>
    <row r="79" spans="1:22">
      <c r="A79" s="49" t="s">
        <v>443</v>
      </c>
      <c r="B79" s="151">
        <v>110</v>
      </c>
      <c r="C79" s="153">
        <v>0.28599999999999998</v>
      </c>
      <c r="D79" s="97">
        <v>8.529852073542428E-2</v>
      </c>
      <c r="E79" s="153">
        <v>0.34599999999999997</v>
      </c>
      <c r="F79" s="97">
        <v>8.942684607999013E-2</v>
      </c>
      <c r="G79" s="153">
        <v>0.36799999999999999</v>
      </c>
      <c r="H79" s="97">
        <v>9.0568823364132828E-2</v>
      </c>
      <c r="I79" s="151">
        <v>109</v>
      </c>
      <c r="J79" s="153">
        <v>0.82</v>
      </c>
      <c r="K79" s="97">
        <v>7.4005799047955498E-2</v>
      </c>
      <c r="L79" s="153">
        <v>0.13200000000000001</v>
      </c>
      <c r="M79" s="97">
        <v>6.6250756910737757E-2</v>
      </c>
      <c r="N79" s="153">
        <v>4.8000000000000001E-2</v>
      </c>
      <c r="O79" s="97">
        <v>4.6048839021426355E-2</v>
      </c>
      <c r="P79" s="151">
        <v>107</v>
      </c>
      <c r="Q79" s="153">
        <v>0.96699999999999997</v>
      </c>
      <c r="R79" s="97">
        <v>4.1305679493599541E-2</v>
      </c>
      <c r="S79" s="153">
        <v>1E-3</v>
      </c>
      <c r="T79" s="97">
        <v>2.5904652851408548E-2</v>
      </c>
      <c r="U79" s="153">
        <v>3.2000000000000001E-2</v>
      </c>
      <c r="V79" s="97">
        <v>4.0924932309806976E-2</v>
      </c>
    </row>
    <row r="80" spans="1:22">
      <c r="A80" s="57" t="s">
        <v>444</v>
      </c>
      <c r="B80" s="83">
        <v>120</v>
      </c>
      <c r="C80" s="98">
        <v>0.28999999999999998</v>
      </c>
      <c r="D80" s="94">
        <v>8.205019541406848E-2</v>
      </c>
      <c r="E80" s="98">
        <v>0.49199999999999999</v>
      </c>
      <c r="F80" s="94">
        <v>8.9791885263604834E-2</v>
      </c>
      <c r="G80" s="98">
        <v>0.218</v>
      </c>
      <c r="H80" s="94">
        <v>7.5246654484506736E-2</v>
      </c>
      <c r="I80" s="83">
        <v>119</v>
      </c>
      <c r="J80" s="98">
        <v>0.92300000000000004</v>
      </c>
      <c r="K80" s="94">
        <v>5.1803075627208831E-2</v>
      </c>
      <c r="L80" s="98">
        <v>6.4000000000000001E-2</v>
      </c>
      <c r="M80" s="94">
        <v>4.841115485178038E-2</v>
      </c>
      <c r="N80" s="98">
        <v>1.2999999999999999E-2</v>
      </c>
      <c r="O80" s="94">
        <v>3.0178764314951041E-2</v>
      </c>
      <c r="P80" s="83">
        <v>120</v>
      </c>
      <c r="Q80" s="98">
        <v>0.94699999999999995</v>
      </c>
      <c r="R80" s="94">
        <v>4.5035464674481933E-2</v>
      </c>
      <c r="S80" s="98">
        <v>4.4999999999999998E-2</v>
      </c>
      <c r="T80" s="94">
        <v>4.2546378858835096E-2</v>
      </c>
      <c r="U80" s="98">
        <v>8.0000000000000002E-3</v>
      </c>
      <c r="V80" s="94">
        <v>2.7416232912801836E-2</v>
      </c>
    </row>
    <row r="81" spans="1:22">
      <c r="A81" s="49" t="s">
        <v>451</v>
      </c>
      <c r="B81" s="151">
        <v>71</v>
      </c>
      <c r="C81" s="153">
        <v>0.38</v>
      </c>
      <c r="D81" s="97">
        <v>0.11245029479730144</v>
      </c>
      <c r="E81" s="153">
        <v>0.40100000000000002</v>
      </c>
      <c r="F81" s="97">
        <v>0.11342346884720698</v>
      </c>
      <c r="G81" s="153">
        <v>0.218</v>
      </c>
      <c r="H81" s="97">
        <v>9.7633971792609159E-2</v>
      </c>
      <c r="I81" s="151">
        <v>71</v>
      </c>
      <c r="J81" s="153">
        <v>0.71899999999999997</v>
      </c>
      <c r="K81" s="97">
        <v>0.10507607849553581</v>
      </c>
      <c r="L81" s="153">
        <v>0.22600000000000001</v>
      </c>
      <c r="M81" s="97">
        <v>9.8716714466006023E-2</v>
      </c>
      <c r="N81" s="153">
        <v>5.3999999999999999E-2</v>
      </c>
      <c r="O81" s="97">
        <v>6.1853979082160074E-2</v>
      </c>
      <c r="P81" s="151">
        <v>71</v>
      </c>
      <c r="Q81" s="153">
        <v>0.88700000000000001</v>
      </c>
      <c r="R81" s="97">
        <v>7.8580862945970081E-2</v>
      </c>
      <c r="S81" s="153">
        <v>4.1000000000000002E-2</v>
      </c>
      <c r="T81" s="97">
        <v>5.712786575160439E-2</v>
      </c>
      <c r="U81" s="153">
        <v>7.1999999999999995E-2</v>
      </c>
      <c r="V81" s="97">
        <v>6.7659764490891949E-2</v>
      </c>
    </row>
    <row r="82" spans="1:22">
      <c r="A82" s="57" t="s">
        <v>452</v>
      </c>
      <c r="B82" s="83">
        <v>279</v>
      </c>
      <c r="C82" s="98">
        <v>0.24299999999999999</v>
      </c>
      <c r="D82" s="94">
        <v>5.1246637662033113E-2</v>
      </c>
      <c r="E82" s="98">
        <v>0.44500000000000001</v>
      </c>
      <c r="F82" s="94">
        <v>5.9093255406051939E-2</v>
      </c>
      <c r="G82" s="98">
        <v>0.311</v>
      </c>
      <c r="H82" s="94">
        <v>5.5162034962196377E-2</v>
      </c>
      <c r="I82" s="83">
        <v>277</v>
      </c>
      <c r="J82" s="98">
        <v>0.82899999999999996</v>
      </c>
      <c r="K82" s="94">
        <v>4.5403475692827669E-2</v>
      </c>
      <c r="L82" s="98">
        <v>0.14399999999999999</v>
      </c>
      <c r="M82" s="94">
        <v>4.249286506913294E-2</v>
      </c>
      <c r="N82" s="98">
        <v>2.7E-2</v>
      </c>
      <c r="O82" s="94">
        <v>2.1540386404640833E-2</v>
      </c>
      <c r="P82" s="83">
        <v>276</v>
      </c>
      <c r="Q82" s="98">
        <v>0.88100000000000001</v>
      </c>
      <c r="R82" s="94">
        <v>3.9452834851789353E-2</v>
      </c>
      <c r="S82" s="98">
        <v>9.1999999999999998E-2</v>
      </c>
      <c r="T82" s="94">
        <v>3.5508176531372185E-2</v>
      </c>
      <c r="U82" s="98">
        <v>2.8000000000000001E-2</v>
      </c>
      <c r="V82" s="94">
        <v>2.1887958535755994E-2</v>
      </c>
    </row>
    <row r="83" spans="1:22">
      <c r="A83" s="49" t="s">
        <v>445</v>
      </c>
      <c r="B83" s="151">
        <v>91</v>
      </c>
      <c r="C83" s="153">
        <v>0.188</v>
      </c>
      <c r="D83" s="97">
        <v>8.2252707612624001E-2</v>
      </c>
      <c r="E83" s="153">
        <v>0.57799999999999996</v>
      </c>
      <c r="F83" s="97">
        <v>0.10144587373068492</v>
      </c>
      <c r="G83" s="153">
        <v>0.23400000000000001</v>
      </c>
      <c r="H83" s="97">
        <v>8.8276350769972131E-2</v>
      </c>
      <c r="I83" s="151">
        <v>89</v>
      </c>
      <c r="J83" s="153">
        <v>0.80900000000000005</v>
      </c>
      <c r="K83" s="97">
        <v>8.361606746880651E-2</v>
      </c>
      <c r="L83" s="153">
        <v>0.16900000000000001</v>
      </c>
      <c r="M83" s="97">
        <v>8.0231097002413126E-2</v>
      </c>
      <c r="N83" s="153">
        <v>2.1999999999999999E-2</v>
      </c>
      <c r="O83" s="97">
        <v>4.1864019198728022E-2</v>
      </c>
      <c r="P83" s="151">
        <v>90</v>
      </c>
      <c r="Q83" s="153">
        <v>0.83399999999999996</v>
      </c>
      <c r="R83" s="97">
        <v>7.9288357371138235E-2</v>
      </c>
      <c r="S83" s="153">
        <v>0.125</v>
      </c>
      <c r="T83" s="97">
        <v>7.1782308315752316E-2</v>
      </c>
      <c r="U83" s="153">
        <v>4.1000000000000002E-2</v>
      </c>
      <c r="V83" s="97">
        <v>4.9192544917332583E-2</v>
      </c>
    </row>
    <row r="84" spans="1:22">
      <c r="A84" s="57" t="s">
        <v>446</v>
      </c>
      <c r="B84" s="83">
        <v>107</v>
      </c>
      <c r="C84" s="98">
        <v>0.22700000000000001</v>
      </c>
      <c r="D84" s="94">
        <v>8.0705375956804895E-2</v>
      </c>
      <c r="E84" s="98">
        <v>0.36499999999999999</v>
      </c>
      <c r="F84" s="94">
        <v>9.16446027375966E-2</v>
      </c>
      <c r="G84" s="98">
        <v>0.40699999999999997</v>
      </c>
      <c r="H84" s="94">
        <v>9.3377683117227231E-2</v>
      </c>
      <c r="I84" s="83">
        <v>108</v>
      </c>
      <c r="J84" s="98">
        <v>0.83899999999999997</v>
      </c>
      <c r="K84" s="94">
        <v>7.1499515470131392E-2</v>
      </c>
      <c r="L84" s="98">
        <v>0.11</v>
      </c>
      <c r="M84" s="94">
        <v>6.2269655706980502E-2</v>
      </c>
      <c r="N84" s="98">
        <v>5.0999999999999997E-2</v>
      </c>
      <c r="O84" s="94">
        <v>4.7261403497658769E-2</v>
      </c>
      <c r="P84" s="83">
        <v>105</v>
      </c>
      <c r="Q84" s="98">
        <v>0.91200000000000003</v>
      </c>
      <c r="R84" s="94">
        <v>5.8257789343607973E-2</v>
      </c>
      <c r="S84" s="98">
        <v>6.7000000000000004E-2</v>
      </c>
      <c r="T84" s="94">
        <v>5.2817557327623145E-2</v>
      </c>
      <c r="U84" s="98">
        <v>2.1999999999999999E-2</v>
      </c>
      <c r="V84" s="94">
        <v>3.7332019476793647E-2</v>
      </c>
    </row>
    <row r="85" spans="1:22">
      <c r="A85" s="49" t="s">
        <v>447</v>
      </c>
      <c r="B85" s="151">
        <v>81</v>
      </c>
      <c r="C85" s="153">
        <v>0.32500000000000001</v>
      </c>
      <c r="D85" s="97">
        <v>0.10225447676021124</v>
      </c>
      <c r="E85" s="153">
        <v>0.40100000000000002</v>
      </c>
      <c r="F85" s="97">
        <v>0.10651699503661549</v>
      </c>
      <c r="G85" s="153">
        <v>0.27400000000000002</v>
      </c>
      <c r="H85" s="97">
        <v>9.7887821380384224E-2</v>
      </c>
      <c r="I85" s="151">
        <v>80</v>
      </c>
      <c r="J85" s="153">
        <v>0.83699999999999997</v>
      </c>
      <c r="K85" s="97">
        <v>8.3663034210939582E-2</v>
      </c>
      <c r="L85" s="153">
        <v>0.16200000000000001</v>
      </c>
      <c r="M85" s="97">
        <v>8.3488614639544767E-2</v>
      </c>
      <c r="N85" s="153">
        <v>1E-3</v>
      </c>
      <c r="O85" s="97">
        <v>3.3910774263721861E-2</v>
      </c>
      <c r="P85" s="151">
        <v>81</v>
      </c>
      <c r="Q85" s="153">
        <v>0.89200000000000002</v>
      </c>
      <c r="R85" s="97">
        <v>7.2097385165412239E-2</v>
      </c>
      <c r="S85" s="153">
        <v>8.6999999999999994E-2</v>
      </c>
      <c r="T85" s="97">
        <v>6.6900038612047963E-2</v>
      </c>
      <c r="U85" s="153">
        <v>2.1000000000000001E-2</v>
      </c>
      <c r="V85" s="97">
        <v>4.4269411785855736E-2</v>
      </c>
    </row>
    <row r="86" spans="1:22">
      <c r="A86" s="57" t="s">
        <v>453</v>
      </c>
      <c r="B86" s="83">
        <v>67</v>
      </c>
      <c r="C86" s="98">
        <v>0.41</v>
      </c>
      <c r="D86" s="94">
        <v>0.11695357616885704</v>
      </c>
      <c r="E86" s="98">
        <v>0.33</v>
      </c>
      <c r="F86" s="94">
        <v>0.11240385192046205</v>
      </c>
      <c r="G86" s="98">
        <v>0.26</v>
      </c>
      <c r="H86" s="94">
        <v>0.10580538072427215</v>
      </c>
      <c r="I86" s="83">
        <v>66</v>
      </c>
      <c r="J86" s="98">
        <v>0.76100000000000001</v>
      </c>
      <c r="K86" s="94">
        <v>0.10404444688263619</v>
      </c>
      <c r="L86" s="98">
        <v>0.19400000000000001</v>
      </c>
      <c r="M86" s="94">
        <v>9.761718435918823E-2</v>
      </c>
      <c r="N86" s="98">
        <v>4.4999999999999998E-2</v>
      </c>
      <c r="O86" s="94">
        <v>6.1392879996671555E-2</v>
      </c>
      <c r="P86" s="83">
        <v>65</v>
      </c>
      <c r="Q86" s="98">
        <v>0.81200000000000006</v>
      </c>
      <c r="R86" s="94">
        <v>9.7390629217211672E-2</v>
      </c>
      <c r="S86" s="98">
        <v>0.14199999999999999</v>
      </c>
      <c r="T86" s="94">
        <v>8.8878644286955036E-2</v>
      </c>
      <c r="U86" s="98">
        <v>4.5999999999999999E-2</v>
      </c>
      <c r="V86" s="94">
        <v>6.2363509340098537E-2</v>
      </c>
    </row>
    <row r="87" spans="1:22">
      <c r="A87" s="49" t="s">
        <v>459</v>
      </c>
      <c r="B87" s="151">
        <v>33</v>
      </c>
      <c r="C87" s="153">
        <v>0.28799999999999998</v>
      </c>
      <c r="D87" s="97">
        <v>0.15219061475385989</v>
      </c>
      <c r="E87" s="153">
        <v>0.437</v>
      </c>
      <c r="F87" s="97">
        <v>0.16335759978458186</v>
      </c>
      <c r="G87" s="153">
        <v>0.27500000000000002</v>
      </c>
      <c r="H87" s="97">
        <v>0.15057700667660942</v>
      </c>
      <c r="I87" s="151">
        <v>33</v>
      </c>
      <c r="J87" s="153">
        <v>0.79700000000000004</v>
      </c>
      <c r="K87" s="97">
        <v>0.13943216334134295</v>
      </c>
      <c r="L87" s="153">
        <v>0.20300000000000001</v>
      </c>
      <c r="M87" s="97">
        <v>0.13943216334134298</v>
      </c>
      <c r="N87" s="153">
        <v>0</v>
      </c>
      <c r="O87" s="97">
        <v>7.4349222205986693E-2</v>
      </c>
      <c r="P87" s="151">
        <v>32</v>
      </c>
      <c r="Q87" s="153">
        <v>0.94899999999999995</v>
      </c>
      <c r="R87" s="97">
        <v>0.1003938471928625</v>
      </c>
      <c r="S87" s="153">
        <v>5.0999999999999997E-2</v>
      </c>
      <c r="T87" s="97">
        <v>0.10039384719286243</v>
      </c>
      <c r="U87" s="153">
        <v>0</v>
      </c>
      <c r="V87" s="97">
        <v>7.6353807881808525E-2</v>
      </c>
    </row>
    <row r="89" spans="1:22" s="249" customFormat="1">
      <c r="A89" s="242"/>
      <c r="B89" s="250"/>
      <c r="C89" s="251"/>
      <c r="D89" s="248"/>
      <c r="E89" s="252"/>
      <c r="F89" s="248"/>
      <c r="G89" s="252"/>
      <c r="H89" s="248"/>
      <c r="I89" s="250"/>
      <c r="J89" s="252"/>
      <c r="K89" s="248"/>
      <c r="L89" s="252"/>
      <c r="M89" s="248"/>
      <c r="N89" s="252"/>
      <c r="O89" s="248"/>
    </row>
    <row r="90" spans="1:22" ht="18.75">
      <c r="A90" s="321" t="s">
        <v>230</v>
      </c>
      <c r="B90" s="321"/>
      <c r="C90" s="321"/>
      <c r="D90" s="321"/>
      <c r="E90" s="321"/>
      <c r="F90" s="321"/>
      <c r="G90" s="321"/>
      <c r="H90" s="321"/>
      <c r="I90" s="321"/>
      <c r="J90" s="230"/>
      <c r="K90" s="230"/>
    </row>
    <row r="91" spans="1:22" ht="84.75" customHeight="1">
      <c r="A91" s="370" t="s">
        <v>494</v>
      </c>
      <c r="B91" s="370"/>
      <c r="C91" s="370"/>
      <c r="D91" s="370"/>
      <c r="E91" s="370"/>
      <c r="F91" s="370"/>
      <c r="G91" s="370"/>
      <c r="H91" s="370"/>
      <c r="I91" s="370"/>
      <c r="J91" s="230"/>
      <c r="K91" s="230"/>
    </row>
    <row r="92" spans="1:22" ht="24" customHeight="1">
      <c r="A92" s="372" t="s">
        <v>230</v>
      </c>
      <c r="B92" s="372"/>
      <c r="C92" s="372"/>
      <c r="D92" s="372"/>
      <c r="E92" s="374" t="s">
        <v>231</v>
      </c>
      <c r="F92" s="375"/>
      <c r="G92" s="375"/>
      <c r="H92" s="375"/>
      <c r="I92" s="376"/>
    </row>
    <row r="93" spans="1:22" ht="45" customHeight="1">
      <c r="A93" s="37" t="s">
        <v>85</v>
      </c>
      <c r="B93" s="38" t="s">
        <v>86</v>
      </c>
      <c r="C93" s="39" t="s">
        <v>87</v>
      </c>
      <c r="D93" s="40" t="s">
        <v>88</v>
      </c>
      <c r="E93" s="38" t="s">
        <v>86</v>
      </c>
      <c r="F93" s="38" t="s">
        <v>236</v>
      </c>
      <c r="G93" s="89" t="s">
        <v>233</v>
      </c>
      <c r="H93" s="38" t="s">
        <v>237</v>
      </c>
      <c r="I93" s="89" t="s">
        <v>235</v>
      </c>
    </row>
    <row r="94" spans="1:22" ht="84">
      <c r="A94" s="41"/>
      <c r="B94" s="42" t="s">
        <v>89</v>
      </c>
      <c r="C94" s="43" t="s">
        <v>343</v>
      </c>
      <c r="D94" s="44" t="s">
        <v>91</v>
      </c>
      <c r="E94" s="42" t="s">
        <v>89</v>
      </c>
      <c r="F94" s="42" t="s">
        <v>232</v>
      </c>
      <c r="G94" s="91" t="s">
        <v>104</v>
      </c>
      <c r="H94" s="42" t="s">
        <v>234</v>
      </c>
      <c r="I94" s="91" t="s">
        <v>104</v>
      </c>
    </row>
    <row r="95" spans="1:22">
      <c r="A95" s="45" t="s">
        <v>434</v>
      </c>
      <c r="B95" s="145">
        <v>9248</v>
      </c>
      <c r="C95" s="84">
        <v>11.39</v>
      </c>
      <c r="D95" s="85">
        <v>9.8000000000000004E-2</v>
      </c>
      <c r="E95" s="83">
        <v>9248</v>
      </c>
      <c r="F95" s="98">
        <v>0.90700000000000003</v>
      </c>
      <c r="G95" s="94">
        <v>6.0440164559000106E-3</v>
      </c>
      <c r="H95" s="98">
        <v>9.2999999999999999E-2</v>
      </c>
      <c r="I95" s="94">
        <v>6.0440164559000097E-3</v>
      </c>
    </row>
    <row r="96" spans="1:22">
      <c r="A96" s="49" t="s">
        <v>435</v>
      </c>
      <c r="B96" s="49">
        <v>8621</v>
      </c>
      <c r="C96" s="147">
        <v>11.39166</v>
      </c>
      <c r="D96" s="148">
        <v>0.101354736</v>
      </c>
      <c r="E96" s="125">
        <v>8621</v>
      </c>
      <c r="F96" s="149">
        <v>0.90700000000000003</v>
      </c>
      <c r="G96" s="97">
        <v>6.2602351142158766E-3</v>
      </c>
      <c r="H96" s="149">
        <v>9.2899999999999996E-2</v>
      </c>
      <c r="I96" s="97">
        <v>6.2572216945133638E-3</v>
      </c>
    </row>
    <row r="97" spans="1:9">
      <c r="A97" s="45" t="s">
        <v>436</v>
      </c>
      <c r="B97" s="53">
        <v>824</v>
      </c>
      <c r="C97" s="84">
        <v>12.37</v>
      </c>
      <c r="D97" s="85">
        <v>0.3332</v>
      </c>
      <c r="E97" s="83">
        <v>824</v>
      </c>
      <c r="F97" s="98">
        <v>0.87990000000000002</v>
      </c>
      <c r="G97" s="94">
        <v>2.2742738574537093E-2</v>
      </c>
      <c r="H97" s="98">
        <v>0.1201</v>
      </c>
      <c r="I97" s="94">
        <v>2.2742738574537097E-2</v>
      </c>
    </row>
    <row r="98" spans="1:9">
      <c r="A98" s="49" t="s">
        <v>437</v>
      </c>
      <c r="B98" s="49">
        <v>2529</v>
      </c>
      <c r="C98" s="147">
        <v>11.23</v>
      </c>
      <c r="D98" s="148">
        <v>0.1764</v>
      </c>
      <c r="E98" s="125">
        <v>2529</v>
      </c>
      <c r="F98" s="149">
        <v>0.91800000000000004</v>
      </c>
      <c r="G98" s="97">
        <v>1.0942724727820327E-2</v>
      </c>
      <c r="H98" s="149">
        <v>8.2000000000000003E-2</v>
      </c>
      <c r="I98" s="97">
        <v>1.0942724727820338E-2</v>
      </c>
    </row>
    <row r="99" spans="1:9">
      <c r="A99" s="45" t="s">
        <v>438</v>
      </c>
      <c r="B99" s="53">
        <v>2467</v>
      </c>
      <c r="C99" s="84">
        <v>11.34</v>
      </c>
      <c r="D99" s="85">
        <v>0.1764</v>
      </c>
      <c r="E99" s="83">
        <v>2467</v>
      </c>
      <c r="F99" s="98">
        <v>0.91300000000000003</v>
      </c>
      <c r="G99" s="94">
        <v>1.1378679621095006E-2</v>
      </c>
      <c r="H99" s="98">
        <v>8.6999999999999994E-2</v>
      </c>
      <c r="I99" s="94">
        <v>1.1378679621095006E-2</v>
      </c>
    </row>
    <row r="100" spans="1:9">
      <c r="A100" s="49" t="s">
        <v>449</v>
      </c>
      <c r="B100" s="49">
        <v>283</v>
      </c>
      <c r="C100" s="147">
        <v>11.27</v>
      </c>
      <c r="D100" s="148">
        <v>0.50960000000000005</v>
      </c>
      <c r="E100" s="125">
        <v>283</v>
      </c>
      <c r="F100" s="149">
        <v>0.91900000000000004</v>
      </c>
      <c r="G100" s="97">
        <v>3.3244649894019138E-2</v>
      </c>
      <c r="H100" s="149">
        <v>8.1000000000000003E-2</v>
      </c>
      <c r="I100" s="97">
        <v>3.3244649894019131E-2</v>
      </c>
    </row>
    <row r="101" spans="1:9">
      <c r="A101" s="45" t="s">
        <v>439</v>
      </c>
      <c r="B101" s="53">
        <v>143</v>
      </c>
      <c r="C101" s="84">
        <v>11.14</v>
      </c>
      <c r="D101" s="85">
        <v>0.66639999999999999</v>
      </c>
      <c r="E101" s="83">
        <v>143</v>
      </c>
      <c r="F101" s="98">
        <v>0.90900000000000003</v>
      </c>
      <c r="G101" s="94">
        <v>4.9952049837135658E-2</v>
      </c>
      <c r="H101" s="98">
        <v>9.0999999999999998E-2</v>
      </c>
      <c r="I101" s="94">
        <v>4.9952049837135644E-2</v>
      </c>
    </row>
    <row r="102" spans="1:9" ht="25.5">
      <c r="A102" s="49" t="s">
        <v>440</v>
      </c>
      <c r="B102" s="49">
        <v>91</v>
      </c>
      <c r="C102" s="147">
        <v>11.86</v>
      </c>
      <c r="D102" s="148">
        <v>0.98</v>
      </c>
      <c r="E102" s="125">
        <v>91</v>
      </c>
      <c r="F102" s="149">
        <v>0.91</v>
      </c>
      <c r="G102" s="97">
        <v>6.3497293055667245E-2</v>
      </c>
      <c r="H102" s="149">
        <v>0.09</v>
      </c>
      <c r="I102" s="97">
        <v>6.3497293055667245E-2</v>
      </c>
    </row>
    <row r="103" spans="1:9">
      <c r="A103" s="45" t="s">
        <v>475</v>
      </c>
      <c r="B103" s="53">
        <v>255</v>
      </c>
      <c r="C103" s="84">
        <v>11.11</v>
      </c>
      <c r="D103" s="85">
        <v>0.54880000000000007</v>
      </c>
      <c r="E103" s="83">
        <v>255</v>
      </c>
      <c r="F103" s="98">
        <v>0.89700000000000002</v>
      </c>
      <c r="G103" s="94">
        <v>3.8749096716388674E-2</v>
      </c>
      <c r="H103" s="98">
        <v>0.10299999999999999</v>
      </c>
      <c r="I103" s="94">
        <v>3.8749096716388674E-2</v>
      </c>
    </row>
    <row r="104" spans="1:9">
      <c r="A104" s="49" t="s">
        <v>441</v>
      </c>
      <c r="B104" s="49">
        <v>82</v>
      </c>
      <c r="C104" s="147">
        <v>11.93</v>
      </c>
      <c r="D104" s="148">
        <v>0.98</v>
      </c>
      <c r="E104" s="125">
        <v>82</v>
      </c>
      <c r="F104" s="149">
        <v>0.83899999999999997</v>
      </c>
      <c r="G104" s="97">
        <v>8.2270318295796868E-2</v>
      </c>
      <c r="H104" s="149">
        <v>0.161</v>
      </c>
      <c r="I104" s="97">
        <v>8.2270318295796868E-2</v>
      </c>
    </row>
    <row r="105" spans="1:9" ht="25.5">
      <c r="A105" s="45" t="s">
        <v>442</v>
      </c>
      <c r="B105" s="145">
        <v>105</v>
      </c>
      <c r="C105" s="84">
        <v>10.97</v>
      </c>
      <c r="D105" s="85">
        <v>0.90160000000000007</v>
      </c>
      <c r="E105" s="83">
        <v>105</v>
      </c>
      <c r="F105" s="98">
        <v>0.91600000000000004</v>
      </c>
      <c r="G105" s="94">
        <v>5.7281633337862028E-2</v>
      </c>
      <c r="H105" s="98">
        <v>8.4000000000000005E-2</v>
      </c>
      <c r="I105" s="94">
        <v>5.7281633337862042E-2</v>
      </c>
    </row>
    <row r="106" spans="1:9">
      <c r="A106" s="49" t="s">
        <v>462</v>
      </c>
      <c r="B106" s="146">
        <v>68</v>
      </c>
      <c r="C106" s="147">
        <v>10.39</v>
      </c>
      <c r="D106" s="148">
        <v>0.99960000000000004</v>
      </c>
      <c r="E106" s="125">
        <v>68</v>
      </c>
      <c r="F106" s="149">
        <v>0.93600000000000005</v>
      </c>
      <c r="G106" s="97">
        <v>6.6849358730571379E-2</v>
      </c>
      <c r="H106" s="149">
        <v>6.4000000000000001E-2</v>
      </c>
      <c r="I106" s="97">
        <v>6.6849358730571337E-2</v>
      </c>
    </row>
    <row r="107" spans="1:9">
      <c r="A107" s="45" t="s">
        <v>450</v>
      </c>
      <c r="B107" s="83">
        <v>262</v>
      </c>
      <c r="C107" s="84">
        <v>10.94</v>
      </c>
      <c r="D107" s="85">
        <v>0.49</v>
      </c>
      <c r="E107" s="83">
        <v>262</v>
      </c>
      <c r="F107" s="98">
        <v>0.94199999999999995</v>
      </c>
      <c r="G107" s="94">
        <v>3.015434768615588E-2</v>
      </c>
      <c r="H107" s="98">
        <v>5.8000000000000003E-2</v>
      </c>
      <c r="I107" s="94">
        <v>3.0154347686155852E-2</v>
      </c>
    </row>
    <row r="108" spans="1:9">
      <c r="A108" s="49" t="s">
        <v>443</v>
      </c>
      <c r="B108" s="146">
        <v>125</v>
      </c>
      <c r="C108" s="147">
        <v>9.93</v>
      </c>
      <c r="D108" s="148">
        <v>0.7056</v>
      </c>
      <c r="E108" s="125">
        <v>125</v>
      </c>
      <c r="F108" s="149">
        <v>0.96</v>
      </c>
      <c r="G108" s="97">
        <v>3.9890948754106856E-2</v>
      </c>
      <c r="H108" s="149">
        <v>0.04</v>
      </c>
      <c r="I108" s="97">
        <v>3.9890948754106863E-2</v>
      </c>
    </row>
    <row r="109" spans="1:9">
      <c r="A109" s="57" t="s">
        <v>444</v>
      </c>
      <c r="B109" s="145">
        <v>137</v>
      </c>
      <c r="C109" s="84">
        <v>11.45</v>
      </c>
      <c r="D109" s="85">
        <v>0.66639999999999999</v>
      </c>
      <c r="E109" s="83">
        <v>137</v>
      </c>
      <c r="F109" s="98">
        <v>0.93300000000000005</v>
      </c>
      <c r="G109" s="94">
        <v>4.5506693380135764E-2</v>
      </c>
      <c r="H109" s="98">
        <v>6.7000000000000004E-2</v>
      </c>
      <c r="I109" s="94">
        <v>4.5506693380135806E-2</v>
      </c>
    </row>
    <row r="110" spans="1:9">
      <c r="A110" s="49" t="s">
        <v>451</v>
      </c>
      <c r="B110" s="146">
        <v>80</v>
      </c>
      <c r="C110" s="147">
        <v>11.23</v>
      </c>
      <c r="D110" s="148">
        <v>0.98</v>
      </c>
      <c r="E110" s="125">
        <v>80</v>
      </c>
      <c r="F110" s="149">
        <v>0.92400000000000004</v>
      </c>
      <c r="G110" s="97">
        <v>6.4342043012964478E-2</v>
      </c>
      <c r="H110" s="149">
        <v>7.5999999999999998E-2</v>
      </c>
      <c r="I110" s="97">
        <v>6.4342043012964492E-2</v>
      </c>
    </row>
    <row r="111" spans="1:9">
      <c r="A111" s="57" t="s">
        <v>452</v>
      </c>
      <c r="B111" s="145">
        <v>312</v>
      </c>
      <c r="C111" s="84">
        <v>10.33</v>
      </c>
      <c r="D111" s="85">
        <v>0.45080000000000003</v>
      </c>
      <c r="E111" s="83">
        <v>312</v>
      </c>
      <c r="F111" s="98">
        <v>0.95199999999999996</v>
      </c>
      <c r="G111" s="94">
        <v>2.5367056625392695E-2</v>
      </c>
      <c r="H111" s="98">
        <v>4.8000000000000001E-2</v>
      </c>
      <c r="I111" s="94">
        <v>2.5367056625392688E-2</v>
      </c>
    </row>
    <row r="112" spans="1:9">
      <c r="A112" s="49" t="s">
        <v>445</v>
      </c>
      <c r="B112" s="146">
        <v>100</v>
      </c>
      <c r="C112" s="147">
        <v>9.9600000000000009</v>
      </c>
      <c r="D112" s="148">
        <v>0.74480000000000002</v>
      </c>
      <c r="E112" s="125">
        <v>100</v>
      </c>
      <c r="F112" s="149">
        <v>0.98299999999999998</v>
      </c>
      <c r="G112" s="97">
        <v>3.6327149002714929E-2</v>
      </c>
      <c r="H112" s="149">
        <v>1.7000000000000001E-2</v>
      </c>
      <c r="I112" s="97">
        <v>3.6327149002714935E-2</v>
      </c>
    </row>
    <row r="113" spans="1:9">
      <c r="A113" s="57" t="s">
        <v>446</v>
      </c>
      <c r="B113" s="145">
        <v>123</v>
      </c>
      <c r="C113" s="84">
        <v>10.36</v>
      </c>
      <c r="D113" s="85">
        <v>0.7056</v>
      </c>
      <c r="E113" s="83">
        <v>123</v>
      </c>
      <c r="F113" s="98">
        <v>0.96499999999999997</v>
      </c>
      <c r="G113" s="94">
        <v>3.854886532311072E-2</v>
      </c>
      <c r="H113" s="98">
        <v>3.5000000000000003E-2</v>
      </c>
      <c r="I113" s="94">
        <v>3.8548865323110706E-2</v>
      </c>
    </row>
    <row r="114" spans="1:9">
      <c r="A114" s="49" t="s">
        <v>447</v>
      </c>
      <c r="B114" s="146">
        <v>89</v>
      </c>
      <c r="C114" s="147">
        <v>10.71</v>
      </c>
      <c r="D114" s="148">
        <v>0.90160000000000007</v>
      </c>
      <c r="E114" s="125">
        <v>89</v>
      </c>
      <c r="F114" s="149">
        <v>0.90100000000000002</v>
      </c>
      <c r="G114" s="97">
        <v>6.6473011524277231E-2</v>
      </c>
      <c r="H114" s="149">
        <v>9.9000000000000005E-2</v>
      </c>
      <c r="I114" s="97">
        <v>6.6473011524277259E-2</v>
      </c>
    </row>
    <row r="115" spans="1:9">
      <c r="A115" s="57" t="s">
        <v>453</v>
      </c>
      <c r="B115" s="145">
        <v>80</v>
      </c>
      <c r="C115" s="84">
        <v>12.21</v>
      </c>
      <c r="D115" s="85">
        <v>1.0976000000000001</v>
      </c>
      <c r="E115" s="83">
        <v>80</v>
      </c>
      <c r="F115" s="98">
        <v>0.82099999999999995</v>
      </c>
      <c r="G115" s="94">
        <v>8.6337867736282534E-2</v>
      </c>
      <c r="H115" s="98">
        <v>0.17899999999999999</v>
      </c>
      <c r="I115" s="94">
        <v>8.633786773628252E-2</v>
      </c>
    </row>
    <row r="116" spans="1:9">
      <c r="A116" s="49" t="s">
        <v>459</v>
      </c>
      <c r="B116" s="146">
        <v>37</v>
      </c>
      <c r="C116" s="147">
        <v>10.49</v>
      </c>
      <c r="D116" s="148">
        <v>1.1367999999999998</v>
      </c>
      <c r="E116" s="125">
        <v>37</v>
      </c>
      <c r="F116" s="149">
        <v>0.95599999999999996</v>
      </c>
      <c r="G116" s="97">
        <v>8.870763888569265E-2</v>
      </c>
      <c r="H116" s="149">
        <v>4.3999999999999997E-2</v>
      </c>
      <c r="I116" s="97">
        <v>8.8707638885692677E-2</v>
      </c>
    </row>
    <row r="119" spans="1:9" ht="18.75">
      <c r="A119" s="321" t="s">
        <v>430</v>
      </c>
      <c r="B119" s="321"/>
      <c r="C119" s="321"/>
      <c r="D119" s="321"/>
    </row>
    <row r="120" spans="1:9" ht="108.75" customHeight="1">
      <c r="A120" s="373" t="s">
        <v>495</v>
      </c>
      <c r="B120" s="373"/>
      <c r="C120" s="373"/>
      <c r="D120" s="373"/>
    </row>
    <row r="121" spans="1:9" ht="32.25" customHeight="1">
      <c r="A121" s="377" t="s">
        <v>138</v>
      </c>
      <c r="B121" s="372"/>
      <c r="C121" s="372"/>
      <c r="D121" s="372"/>
    </row>
    <row r="122" spans="1:9" ht="37.5" customHeight="1">
      <c r="A122" s="37" t="s">
        <v>85</v>
      </c>
      <c r="B122" s="38" t="s">
        <v>86</v>
      </c>
      <c r="C122" s="39" t="s">
        <v>87</v>
      </c>
      <c r="D122" s="40" t="s">
        <v>88</v>
      </c>
    </row>
    <row r="123" spans="1:9" ht="84">
      <c r="A123" s="41"/>
      <c r="B123" s="42" t="s">
        <v>89</v>
      </c>
      <c r="C123" s="43" t="s">
        <v>139</v>
      </c>
      <c r="D123" s="44" t="s">
        <v>91</v>
      </c>
    </row>
    <row r="124" spans="1:9">
      <c r="A124" s="45" t="s">
        <v>434</v>
      </c>
      <c r="B124" s="145">
        <v>7011</v>
      </c>
      <c r="C124" s="84">
        <v>5.12</v>
      </c>
      <c r="D124" s="85">
        <v>3.9199999999999999E-2</v>
      </c>
    </row>
    <row r="125" spans="1:9">
      <c r="A125" s="49" t="s">
        <v>435</v>
      </c>
      <c r="B125" s="146">
        <v>6498</v>
      </c>
      <c r="C125" s="147">
        <v>5.1043620000000001</v>
      </c>
      <c r="D125" s="148">
        <v>3.7689623999999998E-2</v>
      </c>
    </row>
    <row r="126" spans="1:9">
      <c r="A126" s="45" t="s">
        <v>436</v>
      </c>
      <c r="B126" s="145">
        <v>621</v>
      </c>
      <c r="C126" s="84">
        <v>4.87</v>
      </c>
      <c r="D126" s="85">
        <v>0.1176</v>
      </c>
    </row>
    <row r="127" spans="1:9">
      <c r="A127" s="49" t="s">
        <v>437</v>
      </c>
      <c r="B127" s="146">
        <v>1969</v>
      </c>
      <c r="C127" s="147">
        <v>5.2</v>
      </c>
      <c r="D127" s="148">
        <v>5.8799999999999998E-2</v>
      </c>
    </row>
    <row r="128" spans="1:9">
      <c r="A128" s="45" t="s">
        <v>438</v>
      </c>
      <c r="B128" s="145">
        <v>1919</v>
      </c>
      <c r="C128" s="84">
        <v>5.21</v>
      </c>
      <c r="D128" s="85">
        <v>5.8799999999999998E-2</v>
      </c>
    </row>
    <row r="129" spans="1:4">
      <c r="A129" s="49" t="s">
        <v>449</v>
      </c>
      <c r="B129" s="146">
        <v>221</v>
      </c>
      <c r="C129" s="147">
        <v>5.12</v>
      </c>
      <c r="D129" s="148">
        <v>0.19600000000000001</v>
      </c>
    </row>
    <row r="130" spans="1:4">
      <c r="A130" s="45" t="s">
        <v>439</v>
      </c>
      <c r="B130" s="145">
        <v>112</v>
      </c>
      <c r="C130" s="84">
        <v>5.28</v>
      </c>
      <c r="D130" s="85">
        <v>0.25480000000000003</v>
      </c>
    </row>
    <row r="131" spans="1:4" ht="25.5">
      <c r="A131" s="49" t="s">
        <v>440</v>
      </c>
      <c r="B131" s="146">
        <v>73</v>
      </c>
      <c r="C131" s="147">
        <v>4.72</v>
      </c>
      <c r="D131" s="148">
        <v>0.37240000000000001</v>
      </c>
    </row>
    <row r="132" spans="1:4">
      <c r="A132" s="45" t="s">
        <v>475</v>
      </c>
      <c r="B132" s="145">
        <v>222</v>
      </c>
      <c r="C132" s="84">
        <v>5.41</v>
      </c>
      <c r="D132" s="85">
        <v>0.1764</v>
      </c>
    </row>
    <row r="133" spans="1:4">
      <c r="A133" s="49" t="s">
        <v>441</v>
      </c>
      <c r="B133" s="146">
        <v>76</v>
      </c>
      <c r="C133" s="147">
        <v>5.62</v>
      </c>
      <c r="D133" s="148">
        <v>0.29399999999999998</v>
      </c>
    </row>
    <row r="134" spans="1:4" ht="25.5">
      <c r="A134" s="45" t="s">
        <v>442</v>
      </c>
      <c r="B134" s="145">
        <v>89</v>
      </c>
      <c r="C134" s="84">
        <v>5.07</v>
      </c>
      <c r="D134" s="85">
        <v>0.31359999999999999</v>
      </c>
    </row>
    <row r="135" spans="1:4">
      <c r="A135" s="49" t="s">
        <v>462</v>
      </c>
      <c r="B135" s="146">
        <v>57</v>
      </c>
      <c r="C135" s="147">
        <v>5.52</v>
      </c>
      <c r="D135" s="148">
        <v>0.29399999999999998</v>
      </c>
    </row>
    <row r="136" spans="1:4">
      <c r="A136" s="45" t="s">
        <v>450</v>
      </c>
      <c r="B136" s="145">
        <v>194</v>
      </c>
      <c r="C136" s="84">
        <v>5.05</v>
      </c>
      <c r="D136" s="85">
        <v>0.19600000000000001</v>
      </c>
    </row>
    <row r="137" spans="1:4">
      <c r="A137" s="49" t="s">
        <v>443</v>
      </c>
      <c r="B137" s="146">
        <v>105</v>
      </c>
      <c r="C137" s="147">
        <v>5.29</v>
      </c>
      <c r="D137" s="148">
        <v>0.25480000000000003</v>
      </c>
    </row>
    <row r="138" spans="1:4">
      <c r="A138" s="57" t="s">
        <v>444</v>
      </c>
      <c r="B138" s="145">
        <v>89</v>
      </c>
      <c r="C138" s="84">
        <v>4.91</v>
      </c>
      <c r="D138" s="85">
        <v>0.31359999999999999</v>
      </c>
    </row>
    <row r="139" spans="1:4">
      <c r="A139" s="49" t="s">
        <v>451</v>
      </c>
      <c r="B139" s="146">
        <v>58</v>
      </c>
      <c r="C139" s="147">
        <v>4.82</v>
      </c>
      <c r="D139" s="148">
        <v>0.37240000000000001</v>
      </c>
    </row>
    <row r="140" spans="1:4">
      <c r="A140" s="57" t="s">
        <v>452</v>
      </c>
      <c r="B140" s="145">
        <v>248</v>
      </c>
      <c r="C140" s="84">
        <v>5.45</v>
      </c>
      <c r="D140" s="85">
        <v>0.1764</v>
      </c>
    </row>
    <row r="141" spans="1:4">
      <c r="A141" s="49" t="s">
        <v>445</v>
      </c>
      <c r="B141" s="146">
        <v>76</v>
      </c>
      <c r="C141" s="147">
        <v>5.28</v>
      </c>
      <c r="D141" s="148">
        <v>0.3332</v>
      </c>
    </row>
    <row r="142" spans="1:4">
      <c r="A142" s="57" t="s">
        <v>446</v>
      </c>
      <c r="B142" s="145">
        <v>102</v>
      </c>
      <c r="C142" s="84">
        <v>5.68</v>
      </c>
      <c r="D142" s="85">
        <v>0.23519999999999999</v>
      </c>
    </row>
    <row r="143" spans="1:4">
      <c r="A143" s="49" t="s">
        <v>447</v>
      </c>
      <c r="B143" s="146">
        <v>70</v>
      </c>
      <c r="C143" s="147">
        <v>5.3</v>
      </c>
      <c r="D143" s="148">
        <v>0.3528</v>
      </c>
    </row>
    <row r="144" spans="1:4">
      <c r="A144" s="57" t="s">
        <v>453</v>
      </c>
      <c r="B144" s="145">
        <v>61</v>
      </c>
      <c r="C144" s="84">
        <v>5.0599999999999996</v>
      </c>
      <c r="D144" s="85">
        <v>0.3528</v>
      </c>
    </row>
    <row r="145" spans="1:26">
      <c r="A145" s="49" t="s">
        <v>459</v>
      </c>
      <c r="B145" s="146">
        <v>29</v>
      </c>
      <c r="C145" s="147">
        <v>5.28</v>
      </c>
      <c r="D145" s="148">
        <v>0.49</v>
      </c>
    </row>
    <row r="148" spans="1:26" ht="18.75">
      <c r="A148" s="321" t="s">
        <v>431</v>
      </c>
      <c r="B148" s="321"/>
      <c r="C148" s="321"/>
      <c r="D148" s="321"/>
      <c r="E148" s="321"/>
      <c r="F148" s="321"/>
      <c r="G148" s="321"/>
      <c r="H148" s="321"/>
      <c r="I148" s="321"/>
      <c r="J148" s="321"/>
      <c r="K148" s="321"/>
      <c r="L148" s="321"/>
      <c r="M148" s="321"/>
      <c r="N148" s="321"/>
      <c r="O148" s="321"/>
      <c r="P148" s="321"/>
      <c r="Q148" s="321"/>
      <c r="R148" s="321"/>
      <c r="S148" s="321"/>
      <c r="T148" s="321"/>
      <c r="U148" s="321"/>
      <c r="V148" s="321"/>
    </row>
    <row r="149" spans="1:26" ht="39.75" customHeight="1">
      <c r="A149" s="370" t="s">
        <v>496</v>
      </c>
      <c r="B149" s="370"/>
      <c r="C149" s="370"/>
      <c r="D149" s="370"/>
      <c r="E149" s="370"/>
      <c r="F149" s="370"/>
      <c r="G149" s="370"/>
      <c r="H149" s="370"/>
      <c r="I149" s="370"/>
      <c r="J149" s="370"/>
      <c r="K149" s="370"/>
      <c r="L149" s="370"/>
      <c r="M149" s="370"/>
      <c r="N149" s="370"/>
      <c r="O149" s="370"/>
      <c r="P149" s="370"/>
      <c r="Q149" s="370"/>
      <c r="R149" s="370"/>
      <c r="S149" s="370"/>
      <c r="T149" s="370"/>
      <c r="U149" s="370"/>
      <c r="V149" s="370"/>
    </row>
    <row r="150" spans="1:26" ht="38.25" customHeight="1">
      <c r="A150" s="64" t="s">
        <v>85</v>
      </c>
      <c r="B150" s="360" t="s">
        <v>344</v>
      </c>
      <c r="C150" s="360"/>
      <c r="D150" s="360"/>
      <c r="E150" s="360"/>
      <c r="F150" s="360"/>
      <c r="G150" s="360"/>
      <c r="H150" s="360"/>
      <c r="I150" s="364" t="s">
        <v>238</v>
      </c>
      <c r="J150" s="365"/>
      <c r="K150" s="365"/>
      <c r="L150" s="365"/>
      <c r="M150" s="365"/>
      <c r="N150" s="365"/>
      <c r="O150" s="366"/>
      <c r="P150" s="361" t="s">
        <v>260</v>
      </c>
      <c r="Q150" s="362"/>
      <c r="R150" s="362"/>
      <c r="S150" s="362"/>
      <c r="T150" s="362"/>
      <c r="U150" s="362"/>
      <c r="V150" s="363"/>
    </row>
    <row r="151" spans="1:26" ht="61.5" customHeight="1">
      <c r="A151" s="37" t="s">
        <v>85</v>
      </c>
      <c r="B151" s="38" t="s">
        <v>86</v>
      </c>
      <c r="C151" s="38" t="s">
        <v>178</v>
      </c>
      <c r="D151" s="89" t="s">
        <v>101</v>
      </c>
      <c r="E151" s="38" t="s">
        <v>179</v>
      </c>
      <c r="F151" s="89" t="s">
        <v>102</v>
      </c>
      <c r="G151" s="38" t="s">
        <v>180</v>
      </c>
      <c r="H151" s="89" t="s">
        <v>103</v>
      </c>
      <c r="I151" s="65" t="s">
        <v>86</v>
      </c>
      <c r="J151" s="65" t="s">
        <v>178</v>
      </c>
      <c r="K151" s="88" t="s">
        <v>101</v>
      </c>
      <c r="L151" s="65" t="s">
        <v>179</v>
      </c>
      <c r="M151" s="88" t="s">
        <v>102</v>
      </c>
      <c r="N151" s="65" t="s">
        <v>180</v>
      </c>
      <c r="O151" s="88" t="s">
        <v>103</v>
      </c>
      <c r="P151" s="38" t="s">
        <v>86</v>
      </c>
      <c r="Q151" s="38" t="s">
        <v>178</v>
      </c>
      <c r="R151" s="89" t="s">
        <v>101</v>
      </c>
      <c r="S151" s="38" t="s">
        <v>179</v>
      </c>
      <c r="T151" s="89" t="s">
        <v>102</v>
      </c>
      <c r="U151" s="38" t="s">
        <v>180</v>
      </c>
      <c r="V151" s="89" t="s">
        <v>103</v>
      </c>
      <c r="Z151" s="282"/>
    </row>
    <row r="152" spans="1:26" ht="72" customHeight="1">
      <c r="A152" s="41"/>
      <c r="B152" s="42" t="s">
        <v>89</v>
      </c>
      <c r="C152" s="42" t="s">
        <v>181</v>
      </c>
      <c r="D152" s="91" t="s">
        <v>104</v>
      </c>
      <c r="E152" s="42" t="s">
        <v>182</v>
      </c>
      <c r="F152" s="91" t="s">
        <v>104</v>
      </c>
      <c r="G152" s="42" t="s">
        <v>183</v>
      </c>
      <c r="H152" s="91" t="s">
        <v>104</v>
      </c>
      <c r="I152" s="68" t="s">
        <v>89</v>
      </c>
      <c r="J152" s="68" t="s">
        <v>181</v>
      </c>
      <c r="K152" s="90" t="s">
        <v>104</v>
      </c>
      <c r="L152" s="68" t="s">
        <v>182</v>
      </c>
      <c r="M152" s="90" t="s">
        <v>104</v>
      </c>
      <c r="N152" s="68" t="s">
        <v>183</v>
      </c>
      <c r="O152" s="90" t="s">
        <v>104</v>
      </c>
      <c r="P152" s="42" t="s">
        <v>89</v>
      </c>
      <c r="Q152" s="42" t="s">
        <v>181</v>
      </c>
      <c r="R152" s="91" t="s">
        <v>104</v>
      </c>
      <c r="S152" s="42" t="s">
        <v>182</v>
      </c>
      <c r="T152" s="91" t="s">
        <v>104</v>
      </c>
      <c r="U152" s="42" t="s">
        <v>183</v>
      </c>
      <c r="V152" s="91" t="s">
        <v>104</v>
      </c>
    </row>
    <row r="153" spans="1:26">
      <c r="A153" s="45" t="s">
        <v>434</v>
      </c>
      <c r="B153" s="150">
        <v>9276</v>
      </c>
      <c r="C153" s="152">
        <v>0.13600000000000001</v>
      </c>
      <c r="D153" s="94">
        <v>7.1202175744412774E-3</v>
      </c>
      <c r="E153" s="152">
        <v>0.10299999999999999</v>
      </c>
      <c r="F153" s="94">
        <v>6.3152402057032589E-3</v>
      </c>
      <c r="G153" s="152">
        <v>0.753</v>
      </c>
      <c r="H153" s="94">
        <v>8.9550161314121256E-3</v>
      </c>
      <c r="I153" s="150">
        <v>9217</v>
      </c>
      <c r="J153" s="152">
        <v>0.16600000000000001</v>
      </c>
      <c r="K153" s="94">
        <v>7.7522857540576638E-3</v>
      </c>
      <c r="L153" s="152">
        <v>0.09</v>
      </c>
      <c r="M153" s="94">
        <v>5.9658068230432019E-3</v>
      </c>
      <c r="N153" s="152">
        <v>0.54</v>
      </c>
      <c r="O153" s="94">
        <v>1.0380493327592522E-2</v>
      </c>
      <c r="P153" s="150">
        <v>9217</v>
      </c>
      <c r="Q153" s="152">
        <v>0.114</v>
      </c>
      <c r="R153" s="94">
        <v>6.6235061239835148E-3</v>
      </c>
      <c r="S153" s="152">
        <v>8.2000000000000003E-2</v>
      </c>
      <c r="T153" s="94">
        <v>5.7201313275713596E-3</v>
      </c>
      <c r="U153" s="152">
        <v>0.77</v>
      </c>
      <c r="V153" s="94">
        <v>8.7665312126002475E-3</v>
      </c>
    </row>
    <row r="154" spans="1:26">
      <c r="A154" s="49" t="s">
        <v>435</v>
      </c>
      <c r="B154" s="151">
        <v>9197</v>
      </c>
      <c r="C154" s="153">
        <v>0.14000000000000001</v>
      </c>
      <c r="D154" s="97">
        <v>7.23817059315357E-3</v>
      </c>
      <c r="E154" s="153">
        <v>0.11</v>
      </c>
      <c r="F154" s="97">
        <v>6.5282517544928698E-3</v>
      </c>
      <c r="G154" s="153">
        <v>0.75</v>
      </c>
      <c r="H154" s="97">
        <v>9.0297562676581438E-3</v>
      </c>
      <c r="I154" s="151">
        <v>6503</v>
      </c>
      <c r="J154" s="153">
        <v>0.218</v>
      </c>
      <c r="K154" s="97">
        <v>1.0239899133076573E-2</v>
      </c>
      <c r="L154" s="153">
        <v>0.108</v>
      </c>
      <c r="M154" s="97">
        <v>7.7029874474262927E-3</v>
      </c>
      <c r="N154" s="153">
        <v>0.67300000000000004</v>
      </c>
      <c r="O154" s="97">
        <v>1.1632077679393428E-2</v>
      </c>
      <c r="P154" s="151">
        <v>8245</v>
      </c>
      <c r="Q154" s="153">
        <v>0.122</v>
      </c>
      <c r="R154" s="97">
        <v>7.2116921733752729E-3</v>
      </c>
      <c r="S154" s="153">
        <v>8.4000000000000005E-2</v>
      </c>
      <c r="T154" s="97">
        <v>6.1149053679823836E-3</v>
      </c>
      <c r="U154" s="153">
        <v>0.79300000000000004</v>
      </c>
      <c r="V154" s="97">
        <v>8.9240335224626353E-3</v>
      </c>
    </row>
    <row r="155" spans="1:26">
      <c r="A155" s="45" t="s">
        <v>436</v>
      </c>
      <c r="B155" s="150">
        <v>827</v>
      </c>
      <c r="C155" s="152">
        <v>0.15720000000000001</v>
      </c>
      <c r="D155" s="94">
        <v>2.5360621051829763E-2</v>
      </c>
      <c r="E155" s="152">
        <v>0.1061</v>
      </c>
      <c r="F155" s="94">
        <v>2.153360641377321E-2</v>
      </c>
      <c r="G155" s="152">
        <v>0.73660000000000003</v>
      </c>
      <c r="H155" s="94">
        <v>3.0602301708218295E-2</v>
      </c>
      <c r="I155" s="150">
        <v>621</v>
      </c>
      <c r="J155" s="152">
        <v>0.26379999999999998</v>
      </c>
      <c r="K155" s="94">
        <v>3.5319922306195642E-2</v>
      </c>
      <c r="L155" s="152">
        <v>0.1159</v>
      </c>
      <c r="M155" s="94">
        <v>2.5842546874374733E-2</v>
      </c>
      <c r="N155" s="152">
        <v>0.62029999999999996</v>
      </c>
      <c r="O155" s="94">
        <v>3.8840190316748437E-2</v>
      </c>
      <c r="P155" s="150">
        <v>801</v>
      </c>
      <c r="Q155" s="152">
        <v>0.16539999999999999</v>
      </c>
      <c r="R155" s="94">
        <v>2.6295283895361683E-2</v>
      </c>
      <c r="S155" s="152">
        <v>0.1024</v>
      </c>
      <c r="T155" s="94">
        <v>2.1552348566486808E-2</v>
      </c>
      <c r="U155" s="152">
        <v>0.73219999999999996</v>
      </c>
      <c r="V155" s="94">
        <v>3.1256712932594272E-2</v>
      </c>
    </row>
    <row r="156" spans="1:26">
      <c r="A156" s="49" t="s">
        <v>437</v>
      </c>
      <c r="B156" s="151">
        <v>2542</v>
      </c>
      <c r="C156" s="153">
        <v>0.11600000000000001</v>
      </c>
      <c r="D156" s="97">
        <v>1.2721376377867237E-2</v>
      </c>
      <c r="E156" s="153">
        <v>0.10299999999999999</v>
      </c>
      <c r="F156" s="97">
        <v>1.2080240201590015E-2</v>
      </c>
      <c r="G156" s="153">
        <v>0.77</v>
      </c>
      <c r="H156" s="97">
        <v>1.6691314413210499E-2</v>
      </c>
      <c r="I156" s="151">
        <v>2524</v>
      </c>
      <c r="J156" s="153">
        <v>0.153</v>
      </c>
      <c r="K156" s="97">
        <v>1.434055392373757E-2</v>
      </c>
      <c r="L156" s="153">
        <v>8.6999999999999994E-2</v>
      </c>
      <c r="M156" s="97">
        <v>1.1248793766488203E-2</v>
      </c>
      <c r="N156" s="153">
        <v>0.53700000000000003</v>
      </c>
      <c r="O156" s="97">
        <v>1.983457411845576E-2</v>
      </c>
      <c r="P156" s="151">
        <v>2529</v>
      </c>
      <c r="Q156" s="153">
        <v>0.1</v>
      </c>
      <c r="R156" s="97">
        <v>1.1954970828882428E-2</v>
      </c>
      <c r="S156" s="153">
        <v>6.3E-2</v>
      </c>
      <c r="T156" s="97">
        <v>9.7041643829900732E-3</v>
      </c>
      <c r="U156" s="153">
        <v>0.79800000000000004</v>
      </c>
      <c r="V156" s="97">
        <v>1.5968595766255367E-2</v>
      </c>
    </row>
    <row r="157" spans="1:26">
      <c r="A157" s="45" t="s">
        <v>438</v>
      </c>
      <c r="B157" s="150">
        <v>2453</v>
      </c>
      <c r="C157" s="152">
        <v>0.11899999999999999</v>
      </c>
      <c r="D157" s="94">
        <v>1.3093773430697113E-2</v>
      </c>
      <c r="E157" s="152">
        <v>0.106</v>
      </c>
      <c r="F157" s="94">
        <v>1.2453840697741803E-2</v>
      </c>
      <c r="G157" s="152">
        <v>0.77600000000000002</v>
      </c>
      <c r="H157" s="94">
        <v>1.6834168182877345E-2</v>
      </c>
      <c r="I157" s="150">
        <v>1919</v>
      </c>
      <c r="J157" s="152">
        <v>0.19600000000000001</v>
      </c>
      <c r="K157" s="94">
        <v>1.8126961160415601E-2</v>
      </c>
      <c r="L157" s="152">
        <v>0.111</v>
      </c>
      <c r="M157" s="94">
        <v>1.4372495386555086E-2</v>
      </c>
      <c r="N157" s="152">
        <v>0.69299999999999995</v>
      </c>
      <c r="O157" s="94">
        <v>2.1044281415243483E-2</v>
      </c>
      <c r="P157" s="150">
        <v>2376</v>
      </c>
      <c r="Q157" s="152">
        <v>0.10199999999999999</v>
      </c>
      <c r="R157" s="94">
        <v>1.2443350826971518E-2</v>
      </c>
      <c r="S157" s="152">
        <v>6.4000000000000001E-2</v>
      </c>
      <c r="T157" s="94">
        <v>1.0087219736286065E-2</v>
      </c>
      <c r="U157" s="152">
        <v>0.83399999999999996</v>
      </c>
      <c r="V157" s="94">
        <v>1.527444523981647E-2</v>
      </c>
    </row>
    <row r="158" spans="1:26">
      <c r="A158" s="49" t="s">
        <v>449</v>
      </c>
      <c r="B158" s="151">
        <v>285</v>
      </c>
      <c r="C158" s="153">
        <v>0.14099999999999999</v>
      </c>
      <c r="D158" s="97">
        <v>4.1538234454815449E-2</v>
      </c>
      <c r="E158" s="153">
        <v>0.109</v>
      </c>
      <c r="F158" s="97">
        <v>3.7448319692466557E-2</v>
      </c>
      <c r="G158" s="153">
        <v>0.73299999999999998</v>
      </c>
      <c r="H158" s="97">
        <v>5.2244224146784014E-2</v>
      </c>
      <c r="I158" s="151">
        <v>283</v>
      </c>
      <c r="J158" s="153">
        <v>0.17299999999999999</v>
      </c>
      <c r="K158" s="97">
        <v>4.5113998627292408E-2</v>
      </c>
      <c r="L158" s="153">
        <v>9.0999999999999998E-2</v>
      </c>
      <c r="M158" s="97">
        <v>3.489144759983729E-2</v>
      </c>
      <c r="N158" s="153">
        <v>0.495</v>
      </c>
      <c r="O158" s="97">
        <v>5.9025263829526123E-2</v>
      </c>
      <c r="P158" s="151">
        <v>283</v>
      </c>
      <c r="Q158" s="153">
        <v>8.6999999999999994E-2</v>
      </c>
      <c r="R158" s="97">
        <v>3.4246982405023024E-2</v>
      </c>
      <c r="S158" s="153">
        <v>7.4999999999999997E-2</v>
      </c>
      <c r="T158" s="97">
        <v>3.219599325607176E-2</v>
      </c>
      <c r="U158" s="153">
        <v>0.79600000000000004</v>
      </c>
      <c r="V158" s="97">
        <v>4.7926953510223178E-2</v>
      </c>
    </row>
    <row r="159" spans="1:26">
      <c r="A159" s="45" t="s">
        <v>439</v>
      </c>
      <c r="B159" s="150">
        <v>143</v>
      </c>
      <c r="C159" s="152">
        <v>0.08</v>
      </c>
      <c r="D159" s="94">
        <v>4.7543574787138082E-2</v>
      </c>
      <c r="E159" s="152">
        <v>0.105</v>
      </c>
      <c r="F159" s="94">
        <v>5.2773584023920121E-2</v>
      </c>
      <c r="G159" s="152">
        <v>0.8</v>
      </c>
      <c r="H159" s="94">
        <v>6.6971680538128173E-2</v>
      </c>
      <c r="I159" s="150">
        <v>142</v>
      </c>
      <c r="J159" s="152">
        <v>0.16700000000000001</v>
      </c>
      <c r="K159" s="94">
        <v>6.3051158878491637E-2</v>
      </c>
      <c r="L159" s="152">
        <v>0.108</v>
      </c>
      <c r="M159" s="94">
        <v>5.3543121398087153E-2</v>
      </c>
      <c r="N159" s="152">
        <v>0.53100000000000003</v>
      </c>
      <c r="O159" s="94">
        <v>8.2609982513667926E-2</v>
      </c>
      <c r="P159" s="150">
        <v>143</v>
      </c>
      <c r="Q159" s="152">
        <v>9.6000000000000002E-2</v>
      </c>
      <c r="R159" s="94">
        <v>5.0989035239867482E-2</v>
      </c>
      <c r="S159" s="152">
        <v>5.3999999999999999E-2</v>
      </c>
      <c r="T159" s="94">
        <v>4.0995130531237302E-2</v>
      </c>
      <c r="U159" s="152">
        <v>0.83599999999999997</v>
      </c>
      <c r="V159" s="94">
        <v>6.2414983410255406E-2</v>
      </c>
    </row>
    <row r="160" spans="1:26" ht="25.5">
      <c r="A160" s="49" t="s">
        <v>440</v>
      </c>
      <c r="B160" s="151">
        <v>92</v>
      </c>
      <c r="C160" s="153">
        <v>0.25</v>
      </c>
      <c r="D160" s="97">
        <v>8.9582323960721758E-2</v>
      </c>
      <c r="E160" s="153">
        <v>0.14299999999999999</v>
      </c>
      <c r="F160" s="97">
        <v>7.4428512786599454E-2</v>
      </c>
      <c r="G160" s="153">
        <v>0.59199999999999997</v>
      </c>
      <c r="H160" s="97">
        <v>0.10046281212652954</v>
      </c>
      <c r="I160" s="151">
        <v>92</v>
      </c>
      <c r="J160" s="153">
        <v>0.20599999999999999</v>
      </c>
      <c r="K160" s="97">
        <v>8.4315117639128037E-2</v>
      </c>
      <c r="L160" s="153">
        <v>6.7000000000000004E-2</v>
      </c>
      <c r="M160" s="97">
        <v>5.693914207190217E-2</v>
      </c>
      <c r="N160" s="153">
        <v>0.436</v>
      </c>
      <c r="O160" s="97">
        <v>0.10129129244868941</v>
      </c>
      <c r="P160" s="151">
        <v>91</v>
      </c>
      <c r="Q160" s="153">
        <v>4.3999999999999997E-2</v>
      </c>
      <c r="R160" s="97">
        <v>4.9928690201758323E-2</v>
      </c>
      <c r="S160" s="153">
        <v>0.13900000000000001</v>
      </c>
      <c r="T160" s="97">
        <v>7.4104438392539523E-2</v>
      </c>
      <c r="U160" s="153">
        <v>0.746</v>
      </c>
      <c r="V160" s="97">
        <v>9.04893825064918E-2</v>
      </c>
    </row>
    <row r="161" spans="1:22">
      <c r="A161" s="45" t="s">
        <v>475</v>
      </c>
      <c r="B161" s="150">
        <v>255</v>
      </c>
      <c r="C161" s="152">
        <v>8.7999999999999995E-2</v>
      </c>
      <c r="D161" s="94">
        <v>3.6329375029849786E-2</v>
      </c>
      <c r="E161" s="152">
        <v>0.111</v>
      </c>
      <c r="F161" s="94">
        <v>3.9945313002423134E-2</v>
      </c>
      <c r="G161" s="152">
        <v>0.79500000000000004</v>
      </c>
      <c r="H161" s="94">
        <v>5.0578472062544226E-2</v>
      </c>
      <c r="I161" s="150">
        <v>254</v>
      </c>
      <c r="J161" s="152">
        <v>0.11600000000000001</v>
      </c>
      <c r="K161" s="94">
        <v>4.0745159040171258E-2</v>
      </c>
      <c r="L161" s="152">
        <v>9.1999999999999998E-2</v>
      </c>
      <c r="M161" s="94">
        <v>3.7074754033509121E-2</v>
      </c>
      <c r="N161" s="152">
        <v>0.65600000000000003</v>
      </c>
      <c r="O161" s="94">
        <v>5.9247576080036848E-2</v>
      </c>
      <c r="P161" s="150">
        <v>254</v>
      </c>
      <c r="Q161" s="152">
        <v>0.106</v>
      </c>
      <c r="R161" s="94">
        <v>3.9284335256296155E-2</v>
      </c>
      <c r="S161" s="152">
        <v>7.0000000000000007E-2</v>
      </c>
      <c r="T161" s="94">
        <v>3.3128570046352848E-2</v>
      </c>
      <c r="U161" s="152">
        <v>0.80300000000000005</v>
      </c>
      <c r="V161" s="94">
        <v>4.996366471262103E-2</v>
      </c>
    </row>
    <row r="162" spans="1:22">
      <c r="A162" s="49" t="s">
        <v>441</v>
      </c>
      <c r="B162" s="151">
        <v>82</v>
      </c>
      <c r="C162" s="153">
        <v>9.8000000000000004E-2</v>
      </c>
      <c r="D162" s="97">
        <v>6.9241514366809045E-2</v>
      </c>
      <c r="E162" s="153">
        <v>6.4000000000000001E-2</v>
      </c>
      <c r="F162" s="97">
        <v>5.9913157372587171E-2</v>
      </c>
      <c r="G162" s="153">
        <v>0.83799999999999997</v>
      </c>
      <c r="H162" s="97">
        <v>8.2444118125434368E-2</v>
      </c>
      <c r="I162" s="151">
        <v>81</v>
      </c>
      <c r="J162" s="153">
        <v>8.5999999999999993E-2</v>
      </c>
      <c r="K162" s="97">
        <v>6.663538228446067E-2</v>
      </c>
      <c r="L162" s="153">
        <v>7.3999999999999996E-2</v>
      </c>
      <c r="M162" s="97">
        <v>6.3320737073549238E-2</v>
      </c>
      <c r="N162" s="153">
        <v>0.76900000000000002</v>
      </c>
      <c r="O162" s="97">
        <v>9.3125898652289291E-2</v>
      </c>
      <c r="P162" s="151">
        <v>81</v>
      </c>
      <c r="Q162" s="153">
        <v>0.10199999999999999</v>
      </c>
      <c r="R162" s="97">
        <v>7.0678666687265662E-2</v>
      </c>
      <c r="S162" s="153">
        <v>2.1999999999999999E-2</v>
      </c>
      <c r="T162" s="97">
        <v>4.4728930573014788E-2</v>
      </c>
      <c r="U162" s="153">
        <v>0.875</v>
      </c>
      <c r="V162" s="97">
        <v>7.5863305997199676E-2</v>
      </c>
    </row>
    <row r="163" spans="1:22" ht="25.5">
      <c r="A163" s="45" t="s">
        <v>442</v>
      </c>
      <c r="B163" s="150">
        <v>105</v>
      </c>
      <c r="C163" s="152">
        <v>0.127</v>
      </c>
      <c r="D163" s="94">
        <v>6.6607143292438747E-2</v>
      </c>
      <c r="E163" s="152">
        <v>0.13900000000000001</v>
      </c>
      <c r="F163" s="94">
        <v>6.8821892802024345E-2</v>
      </c>
      <c r="G163" s="152">
        <v>0.73299999999999998</v>
      </c>
      <c r="H163" s="94">
        <v>8.5589676865572131E-2</v>
      </c>
      <c r="I163" s="150">
        <v>105</v>
      </c>
      <c r="J163" s="152">
        <v>0.16700000000000001</v>
      </c>
      <c r="K163" s="94">
        <v>7.3472283813094008E-2</v>
      </c>
      <c r="L163" s="152">
        <v>7.6999999999999999E-2</v>
      </c>
      <c r="M163" s="94">
        <v>5.5508472659999281E-2</v>
      </c>
      <c r="N163" s="152">
        <v>0.56599999999999995</v>
      </c>
      <c r="O163" s="94">
        <v>9.5005135592551873E-2</v>
      </c>
      <c r="P163" s="150">
        <v>105</v>
      </c>
      <c r="Q163" s="152">
        <v>0.129</v>
      </c>
      <c r="R163" s="94">
        <v>6.6986437696655132E-2</v>
      </c>
      <c r="S163" s="152">
        <v>8.5999999999999993E-2</v>
      </c>
      <c r="T163" s="94">
        <v>5.7772951990482692E-2</v>
      </c>
      <c r="U163" s="152">
        <v>0.754</v>
      </c>
      <c r="V163" s="94">
        <v>8.3530412270515456E-2</v>
      </c>
    </row>
    <row r="164" spans="1:22">
      <c r="A164" s="49" t="s">
        <v>462</v>
      </c>
      <c r="B164" s="151">
        <v>68</v>
      </c>
      <c r="C164" s="153">
        <v>3.6999999999999998E-2</v>
      </c>
      <c r="D164" s="97">
        <v>5.7148998757501526E-2</v>
      </c>
      <c r="E164" s="153">
        <v>0.13</v>
      </c>
      <c r="F164" s="97">
        <v>8.4290694176928763E-2</v>
      </c>
      <c r="G164" s="153">
        <v>0.81599999999999995</v>
      </c>
      <c r="H164" s="97">
        <v>9.4554779413912868E-2</v>
      </c>
      <c r="I164" s="151">
        <v>68</v>
      </c>
      <c r="J164" s="153">
        <v>9.4E-2</v>
      </c>
      <c r="K164" s="97">
        <v>7.5634485823704689E-2</v>
      </c>
      <c r="L164" s="153">
        <v>0.128</v>
      </c>
      <c r="M164" s="97">
        <v>8.3853340518129524E-2</v>
      </c>
      <c r="N164" s="153">
        <v>0.63400000000000001</v>
      </c>
      <c r="O164" s="97">
        <v>0.11401356921145266</v>
      </c>
      <c r="P164" s="151">
        <v>68</v>
      </c>
      <c r="Q164" s="153">
        <v>8.4000000000000005E-2</v>
      </c>
      <c r="R164" s="97">
        <v>7.2891975243298796E-2</v>
      </c>
      <c r="S164" s="153">
        <v>0.10199999999999999</v>
      </c>
      <c r="T164" s="97">
        <v>7.7712984475596186E-2</v>
      </c>
      <c r="U164" s="153">
        <v>0.77900000000000003</v>
      </c>
      <c r="V164" s="97">
        <v>0.10015758416948096</v>
      </c>
    </row>
    <row r="165" spans="1:22">
      <c r="A165" s="45" t="s">
        <v>450</v>
      </c>
      <c r="B165" s="150">
        <v>262</v>
      </c>
      <c r="C165" s="152">
        <v>8.6999999999999994E-2</v>
      </c>
      <c r="D165" s="94">
        <v>3.5651260741761115E-2</v>
      </c>
      <c r="E165" s="152">
        <v>0.128</v>
      </c>
      <c r="F165" s="94">
        <v>4.1719909627327065E-2</v>
      </c>
      <c r="G165" s="152">
        <v>0.77300000000000002</v>
      </c>
      <c r="H165" s="94">
        <v>5.1692500364793101E-2</v>
      </c>
      <c r="I165" s="150">
        <v>260</v>
      </c>
      <c r="J165" s="152">
        <v>0.17699999999999999</v>
      </c>
      <c r="K165" s="94">
        <v>4.7483415638434459E-2</v>
      </c>
      <c r="L165" s="152">
        <v>8.2000000000000003E-2</v>
      </c>
      <c r="M165" s="94">
        <v>3.493078774748621E-2</v>
      </c>
      <c r="N165" s="152">
        <v>0.52200000000000002</v>
      </c>
      <c r="O165" s="94">
        <v>6.1487933720901645E-2</v>
      </c>
      <c r="P165" s="150">
        <v>261</v>
      </c>
      <c r="Q165" s="152">
        <v>0.125</v>
      </c>
      <c r="R165" s="94">
        <v>4.1406998432637128E-2</v>
      </c>
      <c r="S165" s="152">
        <v>8.5999999999999993E-2</v>
      </c>
      <c r="T165" s="94">
        <v>3.5552601085107549E-2</v>
      </c>
      <c r="U165" s="152">
        <v>0.748</v>
      </c>
      <c r="V165" s="94">
        <v>5.3600719723835018E-2</v>
      </c>
    </row>
    <row r="166" spans="1:22">
      <c r="A166" s="49" t="s">
        <v>443</v>
      </c>
      <c r="B166" s="151">
        <v>125</v>
      </c>
      <c r="C166" s="153">
        <v>6.6000000000000003E-2</v>
      </c>
      <c r="D166" s="97">
        <v>4.7623813857105422E-2</v>
      </c>
      <c r="E166" s="153">
        <v>0.109</v>
      </c>
      <c r="F166" s="97">
        <v>5.7453182860316213E-2</v>
      </c>
      <c r="G166" s="153">
        <v>0.81200000000000006</v>
      </c>
      <c r="H166" s="97">
        <v>7.0127070232170186E-2</v>
      </c>
      <c r="I166" s="151">
        <v>124</v>
      </c>
      <c r="J166" s="153">
        <v>0.161</v>
      </c>
      <c r="K166" s="97">
        <v>6.664958152553771E-2</v>
      </c>
      <c r="L166" s="153">
        <v>0.11</v>
      </c>
      <c r="M166" s="97">
        <v>5.7894763052172407E-2</v>
      </c>
      <c r="N166" s="153">
        <v>0.58599999999999997</v>
      </c>
      <c r="O166" s="97">
        <v>8.715270853216317E-2</v>
      </c>
      <c r="P166" s="151">
        <v>125</v>
      </c>
      <c r="Q166" s="153">
        <v>0.09</v>
      </c>
      <c r="R166" s="97">
        <v>5.3458143098513149E-2</v>
      </c>
      <c r="S166" s="153">
        <v>0.1</v>
      </c>
      <c r="T166" s="97">
        <v>5.5620152421488614E-2</v>
      </c>
      <c r="U166" s="153">
        <v>0.78600000000000003</v>
      </c>
      <c r="V166" s="97">
        <v>7.3283557782637385E-2</v>
      </c>
    </row>
    <row r="167" spans="1:22">
      <c r="A167" s="57" t="s">
        <v>444</v>
      </c>
      <c r="B167" s="150">
        <v>137</v>
      </c>
      <c r="C167" s="152">
        <v>9.7000000000000003E-2</v>
      </c>
      <c r="D167" s="94">
        <v>5.2369389072349233E-2</v>
      </c>
      <c r="E167" s="152">
        <v>0.13700000000000001</v>
      </c>
      <c r="F167" s="94">
        <v>5.9692167571172544E-2</v>
      </c>
      <c r="G167" s="152">
        <v>0.754</v>
      </c>
      <c r="H167" s="94">
        <v>7.324157261040308E-2</v>
      </c>
      <c r="I167" s="150">
        <v>136</v>
      </c>
      <c r="J167" s="152">
        <v>0.186</v>
      </c>
      <c r="K167" s="94">
        <v>6.6966424553597845E-2</v>
      </c>
      <c r="L167" s="152">
        <v>6.8000000000000005E-2</v>
      </c>
      <c r="M167" s="94">
        <v>4.5946516251889342E-2</v>
      </c>
      <c r="N167" s="152">
        <v>0.48899999999999999</v>
      </c>
      <c r="O167" s="94">
        <v>8.4496122567032469E-2</v>
      </c>
      <c r="P167" s="150">
        <v>136</v>
      </c>
      <c r="Q167" s="152">
        <v>0.14299999999999999</v>
      </c>
      <c r="R167" s="94">
        <v>6.088156183466855E-2</v>
      </c>
      <c r="S167" s="152">
        <v>0.08</v>
      </c>
      <c r="T167" s="94">
        <v>4.8854302340150736E-2</v>
      </c>
      <c r="U167" s="152">
        <v>0.72799999999999998</v>
      </c>
      <c r="V167" s="94">
        <v>7.5771098592564951E-2</v>
      </c>
    </row>
    <row r="168" spans="1:22">
      <c r="A168" s="49" t="s">
        <v>451</v>
      </c>
      <c r="B168" s="151">
        <v>81</v>
      </c>
      <c r="C168" s="153">
        <v>0.20699999999999999</v>
      </c>
      <c r="D168" s="97">
        <v>8.9977981737972529E-2</v>
      </c>
      <c r="E168" s="153">
        <v>8.4000000000000005E-2</v>
      </c>
      <c r="F168" s="97">
        <v>6.6100951431693061E-2</v>
      </c>
      <c r="G168" s="153">
        <v>0.69799999999999995</v>
      </c>
      <c r="H168" s="97">
        <v>0.1004458226083228</v>
      </c>
      <c r="I168" s="151">
        <v>81</v>
      </c>
      <c r="J168" s="153">
        <v>0.151</v>
      </c>
      <c r="K168" s="97">
        <v>8.0991761733872417E-2</v>
      </c>
      <c r="L168" s="153">
        <v>6.8000000000000005E-2</v>
      </c>
      <c r="M168" s="97">
        <v>6.1559087552771091E-2</v>
      </c>
      <c r="N168" s="153">
        <v>0.52900000000000003</v>
      </c>
      <c r="O168" s="97">
        <v>0.10829943034319381</v>
      </c>
      <c r="P168" s="151">
        <v>81</v>
      </c>
      <c r="Q168" s="153">
        <v>0.03</v>
      </c>
      <c r="R168" s="97">
        <v>4.8215886043978314E-2</v>
      </c>
      <c r="S168" s="153">
        <v>7.5999999999999998E-2</v>
      </c>
      <c r="T168" s="97">
        <v>6.3891810855559603E-2</v>
      </c>
      <c r="U168" s="153">
        <v>0.85499999999999998</v>
      </c>
      <c r="V168" s="97">
        <v>7.986962610931804E-2</v>
      </c>
    </row>
    <row r="169" spans="1:22">
      <c r="A169" s="57" t="s">
        <v>452</v>
      </c>
      <c r="B169" s="150">
        <v>313</v>
      </c>
      <c r="C169" s="152">
        <v>0.1</v>
      </c>
      <c r="D169" s="94">
        <v>3.4442358827030936E-2</v>
      </c>
      <c r="E169" s="152">
        <v>0.1</v>
      </c>
      <c r="F169" s="94">
        <v>3.4442358827030936E-2</v>
      </c>
      <c r="G169" s="152">
        <v>0.78900000000000003</v>
      </c>
      <c r="H169" s="94">
        <v>4.6120605460552314E-2</v>
      </c>
      <c r="I169" s="150">
        <v>307</v>
      </c>
      <c r="J169" s="152">
        <v>0.09</v>
      </c>
      <c r="K169" s="94">
        <v>3.3296158722715574E-2</v>
      </c>
      <c r="L169" s="152">
        <v>7.8E-2</v>
      </c>
      <c r="M169" s="94">
        <v>3.1360876253540067E-2</v>
      </c>
      <c r="N169" s="152">
        <v>0.57099999999999995</v>
      </c>
      <c r="O169" s="94">
        <v>5.6144947704088254E-2</v>
      </c>
      <c r="P169" s="150">
        <v>310</v>
      </c>
      <c r="Q169" s="152">
        <v>0.11700000000000001</v>
      </c>
      <c r="R169" s="94">
        <v>3.6923831896106311E-2</v>
      </c>
      <c r="S169" s="152">
        <v>3.9E-2</v>
      </c>
      <c r="T169" s="94">
        <v>2.3366114123646305E-2</v>
      </c>
      <c r="U169" s="152">
        <v>0.80300000000000005</v>
      </c>
      <c r="V169" s="94">
        <v>4.5219237237947706E-2</v>
      </c>
    </row>
    <row r="170" spans="1:22">
      <c r="A170" s="49" t="s">
        <v>445</v>
      </c>
      <c r="B170" s="151">
        <v>100</v>
      </c>
      <c r="C170" s="153">
        <v>0.11</v>
      </c>
      <c r="D170" s="97">
        <v>6.4859315207846352E-2</v>
      </c>
      <c r="E170" s="153">
        <v>0.158</v>
      </c>
      <c r="F170" s="97">
        <v>7.3865836565771184E-2</v>
      </c>
      <c r="G170" s="153">
        <v>0.69899999999999995</v>
      </c>
      <c r="H170" s="97">
        <v>9.0593481130794073E-2</v>
      </c>
      <c r="I170" s="151">
        <v>98</v>
      </c>
      <c r="J170" s="153">
        <v>9.1999999999999998E-2</v>
      </c>
      <c r="K170" s="97">
        <v>6.1464480417076466E-2</v>
      </c>
      <c r="L170" s="153">
        <v>0.106</v>
      </c>
      <c r="M170" s="97">
        <v>6.4686465461331485E-2</v>
      </c>
      <c r="N170" s="153">
        <v>0.52500000000000002</v>
      </c>
      <c r="O170" s="97">
        <v>9.8900436851284815E-2</v>
      </c>
      <c r="P170" s="151">
        <v>100</v>
      </c>
      <c r="Q170" s="153">
        <v>0.20100000000000001</v>
      </c>
      <c r="R170" s="97">
        <v>8.0226542222154112E-2</v>
      </c>
      <c r="S170" s="153">
        <v>3.2000000000000001E-2</v>
      </c>
      <c r="T170" s="97">
        <v>4.2742520713255516E-2</v>
      </c>
      <c r="U170" s="153">
        <v>0.72099999999999997</v>
      </c>
      <c r="V170" s="97">
        <v>8.8761510629499607E-2</v>
      </c>
    </row>
    <row r="171" spans="1:22">
      <c r="A171" s="57" t="s">
        <v>446</v>
      </c>
      <c r="B171" s="150">
        <v>124</v>
      </c>
      <c r="C171" s="152">
        <v>5.8000000000000003E-2</v>
      </c>
      <c r="D171" s="94">
        <v>4.5639711615732055E-2</v>
      </c>
      <c r="E171" s="152">
        <v>6.4000000000000001E-2</v>
      </c>
      <c r="F171" s="94">
        <v>4.7302008207567144E-2</v>
      </c>
      <c r="G171" s="152">
        <v>0.878</v>
      </c>
      <c r="H171" s="94">
        <v>6.0183758929358899E-2</v>
      </c>
      <c r="I171" s="150">
        <v>121</v>
      </c>
      <c r="J171" s="152">
        <v>7.2999999999999995E-2</v>
      </c>
      <c r="K171" s="94">
        <v>5.03279965360037E-2</v>
      </c>
      <c r="L171" s="152">
        <v>6.5000000000000002E-2</v>
      </c>
      <c r="M171" s="94">
        <v>4.8229993522703275E-2</v>
      </c>
      <c r="N171" s="152">
        <v>0.65600000000000003</v>
      </c>
      <c r="O171" s="94">
        <v>8.5265999589238375E-2</v>
      </c>
      <c r="P171" s="150">
        <v>121</v>
      </c>
      <c r="Q171" s="152">
        <v>5.6000000000000001E-2</v>
      </c>
      <c r="R171" s="94">
        <v>4.5704734717007166E-2</v>
      </c>
      <c r="S171" s="152">
        <v>4.2999999999999997E-2</v>
      </c>
      <c r="T171" s="94">
        <v>4.1685863166881887E-2</v>
      </c>
      <c r="U171" s="152">
        <v>0.86299999999999999</v>
      </c>
      <c r="V171" s="94">
        <v>6.3631258870212509E-2</v>
      </c>
    </row>
    <row r="172" spans="1:22">
      <c r="A172" s="49" t="s">
        <v>447</v>
      </c>
      <c r="B172" s="151">
        <v>89</v>
      </c>
      <c r="C172" s="153">
        <v>0.14699999999999999</v>
      </c>
      <c r="D172" s="97">
        <v>7.6447898197710779E-2</v>
      </c>
      <c r="E172" s="153">
        <v>8.5999999999999993E-2</v>
      </c>
      <c r="F172" s="97">
        <v>6.325598181291435E-2</v>
      </c>
      <c r="G172" s="153">
        <v>0.76600000000000001</v>
      </c>
      <c r="H172" s="97">
        <v>8.9250076196937006E-2</v>
      </c>
      <c r="I172" s="151">
        <v>88</v>
      </c>
      <c r="J172" s="153">
        <v>0.11</v>
      </c>
      <c r="K172" s="97">
        <v>6.9419507134094005E-2</v>
      </c>
      <c r="L172" s="153">
        <v>6.2E-2</v>
      </c>
      <c r="M172" s="97">
        <v>5.6903974374932928E-2</v>
      </c>
      <c r="N172" s="153">
        <v>0.505</v>
      </c>
      <c r="O172" s="97">
        <v>0.10425243749711444</v>
      </c>
      <c r="P172" s="151">
        <v>89</v>
      </c>
      <c r="Q172" s="153">
        <v>0.107</v>
      </c>
      <c r="R172" s="97">
        <v>6.8329126471461582E-2</v>
      </c>
      <c r="S172" s="153">
        <v>4.2999999999999997E-2</v>
      </c>
      <c r="T172" s="97">
        <v>5.0259605799691583E-2</v>
      </c>
      <c r="U172" s="153">
        <v>0.81</v>
      </c>
      <c r="V172" s="97">
        <v>8.3470138601968183E-2</v>
      </c>
    </row>
    <row r="173" spans="1:22">
      <c r="A173" s="57" t="s">
        <v>453</v>
      </c>
      <c r="B173" s="150">
        <v>82</v>
      </c>
      <c r="C173" s="152">
        <v>5.5E-2</v>
      </c>
      <c r="D173" s="94">
        <v>5.7046507549061203E-2</v>
      </c>
      <c r="E173" s="152">
        <v>0.06</v>
      </c>
      <c r="F173" s="94">
        <v>5.8663598055378852E-2</v>
      </c>
      <c r="G173" s="152">
        <v>0.873</v>
      </c>
      <c r="H173" s="94">
        <v>7.5794167538272714E-2</v>
      </c>
      <c r="I173" s="150">
        <v>81</v>
      </c>
      <c r="J173" s="152">
        <v>0.16300000000000001</v>
      </c>
      <c r="K173" s="94">
        <v>8.3135140096276983E-2</v>
      </c>
      <c r="L173" s="152">
        <v>7.1999999999999995E-2</v>
      </c>
      <c r="M173" s="94">
        <v>6.2741741455778266E-2</v>
      </c>
      <c r="N173" s="152">
        <v>0.53900000000000003</v>
      </c>
      <c r="O173" s="94">
        <v>0.10816518623066419</v>
      </c>
      <c r="P173" s="150">
        <v>80</v>
      </c>
      <c r="Q173" s="152">
        <v>9.6000000000000002E-2</v>
      </c>
      <c r="R173" s="94">
        <v>6.9678949695487186E-2</v>
      </c>
      <c r="S173" s="152">
        <v>7.0999999999999994E-2</v>
      </c>
      <c r="T173" s="94">
        <v>6.2894237662883989E-2</v>
      </c>
      <c r="U173" s="152">
        <v>0.82</v>
      </c>
      <c r="V173" s="94">
        <v>8.6498054315000336E-2</v>
      </c>
    </row>
    <row r="174" spans="1:22">
      <c r="A174" s="49" t="s">
        <v>459</v>
      </c>
      <c r="B174" s="151">
        <v>37</v>
      </c>
      <c r="C174" s="153">
        <v>4.2999999999999997E-2</v>
      </c>
      <c r="D174" s="97">
        <v>8.8297816199241624E-2</v>
      </c>
      <c r="E174" s="153">
        <v>8.6999999999999994E-2</v>
      </c>
      <c r="F174" s="97">
        <v>0.10410560107708597</v>
      </c>
      <c r="G174" s="153">
        <v>0.87</v>
      </c>
      <c r="H174" s="97">
        <v>0.11624581239289539</v>
      </c>
      <c r="I174" s="151">
        <v>37</v>
      </c>
      <c r="J174" s="153">
        <v>0.155</v>
      </c>
      <c r="K174" s="97">
        <v>0.12220194927144128</v>
      </c>
      <c r="L174" s="153">
        <v>2.9000000000000001E-2</v>
      </c>
      <c r="M174" s="97">
        <v>8.2245043860363756E-2</v>
      </c>
      <c r="N174" s="153">
        <v>0.56000000000000005</v>
      </c>
      <c r="O174" s="97">
        <v>0.15525531253033009</v>
      </c>
      <c r="P174" s="151">
        <v>37</v>
      </c>
      <c r="Q174" s="153">
        <v>1E-3</v>
      </c>
      <c r="R174" s="97">
        <v>6.7869698408372925E-2</v>
      </c>
      <c r="S174" s="153">
        <v>0.122</v>
      </c>
      <c r="T174" s="97">
        <v>0.11418248740020008</v>
      </c>
      <c r="U174" s="153">
        <v>0.84299999999999997</v>
      </c>
      <c r="V174" s="97">
        <v>0.12264845750675027</v>
      </c>
    </row>
    <row r="177" spans="1:10" ht="19.5" customHeight="1">
      <c r="A177" s="322" t="s">
        <v>4</v>
      </c>
      <c r="B177" s="322"/>
      <c r="C177" s="322"/>
      <c r="D177" s="322"/>
      <c r="E177" s="322"/>
      <c r="F177" s="322"/>
      <c r="G177" s="322"/>
      <c r="H177" s="322"/>
      <c r="I177" s="322"/>
      <c r="J177" s="322"/>
    </row>
    <row r="178" spans="1:10" ht="43.5" customHeight="1">
      <c r="A178" s="369" t="s">
        <v>497</v>
      </c>
      <c r="B178" s="369"/>
      <c r="C178" s="369"/>
      <c r="D178" s="369"/>
      <c r="E178" s="369"/>
      <c r="F178" s="369"/>
      <c r="G178" s="369"/>
      <c r="H178" s="369"/>
      <c r="I178" s="369"/>
      <c r="J178" s="369"/>
    </row>
    <row r="179" spans="1:10" ht="43.5" customHeight="1">
      <c r="A179" s="367" t="s">
        <v>140</v>
      </c>
      <c r="B179" s="368"/>
      <c r="C179" s="368"/>
      <c r="D179" s="368"/>
      <c r="E179" s="368"/>
      <c r="F179" s="368"/>
      <c r="G179" s="368"/>
      <c r="H179" s="368"/>
      <c r="I179" s="368"/>
      <c r="J179" s="368"/>
    </row>
    <row r="180" spans="1:10" ht="39.75" customHeight="1">
      <c r="A180" s="37" t="s">
        <v>85</v>
      </c>
      <c r="B180" s="38" t="s">
        <v>86</v>
      </c>
      <c r="C180" s="38" t="s">
        <v>178</v>
      </c>
      <c r="D180" s="89" t="s">
        <v>101</v>
      </c>
      <c r="E180" s="38" t="s">
        <v>179</v>
      </c>
      <c r="F180" s="89" t="s">
        <v>102</v>
      </c>
      <c r="G180" s="38" t="s">
        <v>180</v>
      </c>
      <c r="H180" s="89" t="s">
        <v>103</v>
      </c>
      <c r="I180" s="38" t="s">
        <v>356</v>
      </c>
      <c r="J180" s="89" t="s">
        <v>355</v>
      </c>
    </row>
    <row r="181" spans="1:10" ht="72">
      <c r="A181" s="41"/>
      <c r="B181" s="42" t="s">
        <v>89</v>
      </c>
      <c r="C181" s="42" t="s">
        <v>181</v>
      </c>
      <c r="D181" s="91" t="s">
        <v>104</v>
      </c>
      <c r="E181" s="42" t="s">
        <v>182</v>
      </c>
      <c r="F181" s="91" t="s">
        <v>104</v>
      </c>
      <c r="G181" s="42" t="s">
        <v>183</v>
      </c>
      <c r="H181" s="91" t="s">
        <v>104</v>
      </c>
      <c r="I181" s="42" t="s">
        <v>356</v>
      </c>
      <c r="J181" s="91" t="s">
        <v>104</v>
      </c>
    </row>
    <row r="182" spans="1:10">
      <c r="A182" s="45" t="s">
        <v>434</v>
      </c>
      <c r="B182" s="154">
        <v>9113</v>
      </c>
      <c r="C182" s="157">
        <v>0.121</v>
      </c>
      <c r="D182" s="94">
        <v>6.8351534005307987E-3</v>
      </c>
      <c r="E182" s="157">
        <v>0.16200000000000001</v>
      </c>
      <c r="F182" s="94">
        <v>7.7204708880824402E-3</v>
      </c>
      <c r="G182" s="157">
        <v>0.68</v>
      </c>
      <c r="H182" s="94">
        <v>9.7715132880957269E-3</v>
      </c>
      <c r="I182" s="157">
        <v>3.6999999999999998E-2</v>
      </c>
      <c r="J182" s="94">
        <v>3.9642508892939075E-3</v>
      </c>
    </row>
    <row r="183" spans="1:10">
      <c r="A183" s="49" t="s">
        <v>435</v>
      </c>
      <c r="B183" s="49">
        <v>8765</v>
      </c>
      <c r="C183" s="156">
        <v>0.123</v>
      </c>
      <c r="D183" s="97">
        <v>7.0188848230340883E-3</v>
      </c>
      <c r="E183" s="156">
        <v>0.16700000000000001</v>
      </c>
      <c r="F183" s="97">
        <v>7.9688108376723028E-3</v>
      </c>
      <c r="G183" s="156">
        <v>0.67400000000000004</v>
      </c>
      <c r="H183" s="97">
        <v>1.0012003621009709E-2</v>
      </c>
      <c r="I183" s="156">
        <v>3.6999999999999998E-2</v>
      </c>
      <c r="J183" s="97">
        <v>4.0425677306913498E-3</v>
      </c>
    </row>
    <row r="184" spans="1:10">
      <c r="A184" s="45" t="s">
        <v>436</v>
      </c>
      <c r="B184" s="53">
        <v>841</v>
      </c>
      <c r="C184" s="157">
        <v>0.14069999999999999</v>
      </c>
      <c r="D184" s="94">
        <v>2.4043632179673178E-2</v>
      </c>
      <c r="E184" s="157">
        <v>0.19089999999999999</v>
      </c>
      <c r="F184" s="94">
        <v>2.7118813432807469E-2</v>
      </c>
      <c r="G184" s="157">
        <v>0.57730000000000004</v>
      </c>
      <c r="H184" s="94">
        <v>3.399137704072034E-2</v>
      </c>
      <c r="I184" s="157">
        <v>9.11E-2</v>
      </c>
      <c r="J184" s="94">
        <v>1.9985793116332456E-2</v>
      </c>
    </row>
    <row r="185" spans="1:10">
      <c r="A185" s="49" t="s">
        <v>437</v>
      </c>
      <c r="B185" s="49">
        <v>2497</v>
      </c>
      <c r="C185" s="156">
        <v>0.127</v>
      </c>
      <c r="D185" s="97">
        <v>1.3342933436538633E-2</v>
      </c>
      <c r="E185" s="156">
        <v>0.14000000000000001</v>
      </c>
      <c r="F185" s="97">
        <v>1.3900556322741611E-2</v>
      </c>
      <c r="G185" s="156">
        <v>0.7</v>
      </c>
      <c r="H185" s="97">
        <v>1.8332215533132024E-2</v>
      </c>
      <c r="I185" s="156">
        <v>3.2000000000000001E-2</v>
      </c>
      <c r="J185" s="97">
        <v>7.1176817529129436E-3</v>
      </c>
    </row>
    <row r="186" spans="1:10">
      <c r="A186" s="45" t="s">
        <v>438</v>
      </c>
      <c r="B186" s="53">
        <v>2491</v>
      </c>
      <c r="C186" s="157">
        <v>0.126</v>
      </c>
      <c r="D186" s="94">
        <v>1.3314276736644887E-2</v>
      </c>
      <c r="E186" s="157">
        <v>0.13800000000000001</v>
      </c>
      <c r="F186" s="94">
        <v>1.3834164925588716E-2</v>
      </c>
      <c r="G186" s="157">
        <v>0.70299999999999996</v>
      </c>
      <c r="H186" s="94">
        <v>1.8301550123155392E-2</v>
      </c>
      <c r="I186" s="157">
        <v>3.3000000000000002E-2</v>
      </c>
      <c r="J186" s="94">
        <v>7.2304990660257201E-3</v>
      </c>
    </row>
    <row r="187" spans="1:10">
      <c r="A187" s="49" t="s">
        <v>449</v>
      </c>
      <c r="B187" s="49">
        <v>286</v>
      </c>
      <c r="C187" s="156">
        <v>0.16800000000000001</v>
      </c>
      <c r="D187" s="97">
        <v>4.438012788993885E-2</v>
      </c>
      <c r="E187" s="156">
        <v>0.14099999999999999</v>
      </c>
      <c r="F187" s="97">
        <v>4.1464537130369739E-2</v>
      </c>
      <c r="G187" s="156">
        <v>0.67600000000000005</v>
      </c>
      <c r="H187" s="97">
        <v>5.5070189341144063E-2</v>
      </c>
      <c r="I187" s="156">
        <v>1.6E-2</v>
      </c>
      <c r="J187" s="97">
        <v>1.7483654375521337E-2</v>
      </c>
    </row>
    <row r="188" spans="1:10">
      <c r="A188" s="45" t="s">
        <v>439</v>
      </c>
      <c r="B188" s="53">
        <v>143</v>
      </c>
      <c r="C188" s="157">
        <v>0.13600000000000001</v>
      </c>
      <c r="D188" s="94">
        <v>5.823166549989689E-2</v>
      </c>
      <c r="E188" s="157">
        <v>0.17699999999999999</v>
      </c>
      <c r="F188" s="94">
        <v>6.4157866555204016E-2</v>
      </c>
      <c r="G188" s="157">
        <v>0.67</v>
      </c>
      <c r="H188" s="94">
        <v>7.7836631745450816E-2</v>
      </c>
      <c r="I188" s="157">
        <v>1.7000000000000001E-2</v>
      </c>
      <c r="J188" s="94">
        <v>2.820443604136582E-2</v>
      </c>
    </row>
    <row r="189" spans="1:10" ht="25.5">
      <c r="A189" s="49" t="s">
        <v>440</v>
      </c>
      <c r="B189" s="49">
        <v>94</v>
      </c>
      <c r="C189" s="156">
        <v>0.26100000000000001</v>
      </c>
      <c r="D189" s="97">
        <v>8.9772223502819298E-2</v>
      </c>
      <c r="E189" s="156">
        <v>9.1999999999999998E-2</v>
      </c>
      <c r="F189" s="97">
        <v>6.2872586904977601E-2</v>
      </c>
      <c r="G189" s="156">
        <v>0.64700000000000002</v>
      </c>
      <c r="H189" s="97">
        <v>9.691549022162535E-2</v>
      </c>
      <c r="I189" s="156">
        <v>0</v>
      </c>
      <c r="J189" s="97">
        <v>2.8565478049949598E-2</v>
      </c>
    </row>
    <row r="190" spans="1:10">
      <c r="A190" s="45" t="s">
        <v>475</v>
      </c>
      <c r="B190" s="53">
        <v>254</v>
      </c>
      <c r="C190" s="157">
        <v>0.17799999999999999</v>
      </c>
      <c r="D190" s="94">
        <v>4.8144821130879936E-2</v>
      </c>
      <c r="E190" s="157">
        <v>0.15</v>
      </c>
      <c r="F190" s="94">
        <v>4.5112951141795456E-2</v>
      </c>
      <c r="G190" s="157">
        <v>0.65900000000000003</v>
      </c>
      <c r="H190" s="94">
        <v>5.9127615261297173E-2</v>
      </c>
      <c r="I190" s="157">
        <v>1.2E-2</v>
      </c>
      <c r="J190" s="94">
        <v>1.7245634146422408E-2</v>
      </c>
    </row>
    <row r="191" spans="1:10">
      <c r="A191" s="49" t="s">
        <v>441</v>
      </c>
      <c r="B191" s="49">
        <v>82</v>
      </c>
      <c r="C191" s="156">
        <v>0.20100000000000001</v>
      </c>
      <c r="D191" s="97">
        <v>8.8586304808220107E-2</v>
      </c>
      <c r="E191" s="156">
        <v>8.6999999999999994E-2</v>
      </c>
      <c r="F191" s="97">
        <v>6.6447701563166636E-2</v>
      </c>
      <c r="G191" s="156">
        <v>0.71199999999999997</v>
      </c>
      <c r="H191" s="97">
        <v>9.8627702235387346E-2</v>
      </c>
      <c r="I191" s="156">
        <v>0</v>
      </c>
      <c r="J191" s="97">
        <v>3.2504011252172456E-2</v>
      </c>
    </row>
    <row r="192" spans="1:10" ht="25.5">
      <c r="A192" s="45" t="s">
        <v>442</v>
      </c>
      <c r="B192" s="154">
        <v>104</v>
      </c>
      <c r="C192" s="157">
        <v>0.17100000000000001</v>
      </c>
      <c r="D192" s="94">
        <v>7.4443210548776242E-2</v>
      </c>
      <c r="E192" s="157">
        <v>0.17299999999999999</v>
      </c>
      <c r="F192" s="94">
        <v>7.4745243290824062E-2</v>
      </c>
      <c r="G192" s="157">
        <v>0.63500000000000001</v>
      </c>
      <c r="H192" s="94">
        <v>9.2915732431775686E-2</v>
      </c>
      <c r="I192" s="157">
        <v>0.02</v>
      </c>
      <c r="J192" s="94">
        <v>3.6692222045889206E-2</v>
      </c>
    </row>
    <row r="193" spans="1:10">
      <c r="A193" s="49" t="s">
        <v>462</v>
      </c>
      <c r="B193" s="155">
        <v>68</v>
      </c>
      <c r="C193" s="156">
        <v>0.16200000000000001</v>
      </c>
      <c r="D193" s="97">
        <v>9.0706233045507401E-2</v>
      </c>
      <c r="E193" s="156">
        <v>0.192</v>
      </c>
      <c r="F193" s="97">
        <v>9.5853955555367812E-2</v>
      </c>
      <c r="G193" s="156">
        <v>0.629</v>
      </c>
      <c r="H193" s="97">
        <v>0.11429898388021384</v>
      </c>
      <c r="I193" s="156">
        <v>1.7000000000000001E-2</v>
      </c>
      <c r="J193" s="97">
        <v>4.8253941820690337E-2</v>
      </c>
    </row>
    <row r="194" spans="1:10">
      <c r="A194" s="45" t="s">
        <v>450</v>
      </c>
      <c r="B194" s="83">
        <v>248</v>
      </c>
      <c r="C194" s="157">
        <v>9.8000000000000004E-2</v>
      </c>
      <c r="D194" s="94">
        <v>3.8521395654758414E-2</v>
      </c>
      <c r="E194" s="157">
        <v>0.186</v>
      </c>
      <c r="F194" s="94">
        <v>4.9522992932133615E-2</v>
      </c>
      <c r="G194" s="157">
        <v>0.63400000000000001</v>
      </c>
      <c r="H194" s="94">
        <v>6.0763594427019819E-2</v>
      </c>
      <c r="I194" s="157">
        <v>8.3000000000000004E-2</v>
      </c>
      <c r="J194" s="94">
        <v>3.5986654034759882E-2</v>
      </c>
    </row>
    <row r="195" spans="1:10">
      <c r="A195" s="49" t="s">
        <v>443</v>
      </c>
      <c r="B195" s="155">
        <v>119</v>
      </c>
      <c r="C195" s="156">
        <v>5.5E-2</v>
      </c>
      <c r="D195" s="97">
        <v>4.5850676401921447E-2</v>
      </c>
      <c r="E195" s="156">
        <v>0.215</v>
      </c>
      <c r="F195" s="97">
        <v>7.5217197821578471E-2</v>
      </c>
      <c r="G195" s="156">
        <v>0.59399999999999997</v>
      </c>
      <c r="H195" s="97">
        <v>8.8662941632999787E-2</v>
      </c>
      <c r="I195" s="156">
        <v>0.13600000000000001</v>
      </c>
      <c r="J195" s="97">
        <v>6.4007494992026778E-2</v>
      </c>
    </row>
    <row r="196" spans="1:10">
      <c r="A196" s="57" t="s">
        <v>444</v>
      </c>
      <c r="B196" s="154">
        <v>129</v>
      </c>
      <c r="C196" s="157">
        <v>0.12</v>
      </c>
      <c r="D196" s="94">
        <v>5.8593823493637086E-2</v>
      </c>
      <c r="E196" s="157">
        <v>0.17100000000000001</v>
      </c>
      <c r="F196" s="94">
        <v>6.6755491683626517E-2</v>
      </c>
      <c r="G196" s="157">
        <v>0.65400000000000003</v>
      </c>
      <c r="H196" s="94">
        <v>8.2751385022094948E-2</v>
      </c>
      <c r="I196" s="157">
        <v>5.5E-2</v>
      </c>
      <c r="J196" s="94">
        <v>4.3772192645866591E-2</v>
      </c>
    </row>
    <row r="197" spans="1:10">
      <c r="A197" s="49" t="s">
        <v>451</v>
      </c>
      <c r="B197" s="155">
        <v>76</v>
      </c>
      <c r="C197" s="156">
        <v>0.13100000000000001</v>
      </c>
      <c r="D197" s="97">
        <v>7.9722862937804742E-2</v>
      </c>
      <c r="E197" s="156">
        <v>6.4000000000000001E-2</v>
      </c>
      <c r="F197" s="97">
        <v>6.2625218562492854E-2</v>
      </c>
      <c r="G197" s="156">
        <v>0.73599999999999999</v>
      </c>
      <c r="H197" s="97">
        <v>9.9933567933902984E-2</v>
      </c>
      <c r="I197" s="156">
        <v>6.9000000000000006E-2</v>
      </c>
      <c r="J197" s="97">
        <v>6.4168020656710303E-2</v>
      </c>
    </row>
    <row r="198" spans="1:10">
      <c r="A198" s="57" t="s">
        <v>452</v>
      </c>
      <c r="B198" s="154">
        <v>305</v>
      </c>
      <c r="C198" s="157">
        <v>0.153</v>
      </c>
      <c r="D198" s="94">
        <v>4.1444501489734623E-2</v>
      </c>
      <c r="E198" s="157">
        <v>0.14399999999999999</v>
      </c>
      <c r="F198" s="94">
        <v>4.047036607425155E-2</v>
      </c>
      <c r="G198" s="157">
        <v>0.67</v>
      </c>
      <c r="H198" s="94">
        <v>5.3588794802344276E-2</v>
      </c>
      <c r="I198" s="157">
        <v>3.2000000000000001E-2</v>
      </c>
      <c r="J198" s="94">
        <v>2.1769555609800498E-2</v>
      </c>
    </row>
    <row r="199" spans="1:10">
      <c r="A199" s="49" t="s">
        <v>445</v>
      </c>
      <c r="B199" s="155">
        <v>98</v>
      </c>
      <c r="C199" s="156">
        <v>0.182</v>
      </c>
      <c r="D199" s="97">
        <v>7.8378613166040861E-2</v>
      </c>
      <c r="E199" s="156">
        <v>0.16600000000000001</v>
      </c>
      <c r="F199" s="97">
        <v>7.5931323863850639E-2</v>
      </c>
      <c r="G199" s="156">
        <v>0.61699999999999999</v>
      </c>
      <c r="H199" s="97">
        <v>9.6479926827377174E-2</v>
      </c>
      <c r="I199" s="156">
        <v>3.5000000000000003E-2</v>
      </c>
      <c r="J199" s="97">
        <v>4.4458086706935102E-2</v>
      </c>
    </row>
    <row r="200" spans="1:10">
      <c r="A200" s="57" t="s">
        <v>446</v>
      </c>
      <c r="B200" s="154">
        <v>120</v>
      </c>
      <c r="C200" s="157">
        <v>0.154</v>
      </c>
      <c r="D200" s="94">
        <v>6.6692128108670021E-2</v>
      </c>
      <c r="E200" s="157">
        <v>0.16900000000000001</v>
      </c>
      <c r="F200" s="94">
        <v>6.8953805090173834E-2</v>
      </c>
      <c r="G200" s="157">
        <v>0.64500000000000002</v>
      </c>
      <c r="H200" s="94">
        <v>8.6193625496111606E-2</v>
      </c>
      <c r="I200" s="157">
        <v>3.1E-2</v>
      </c>
      <c r="J200" s="94">
        <v>3.7674816026264407E-2</v>
      </c>
    </row>
    <row r="201" spans="1:10">
      <c r="A201" s="49" t="s">
        <v>447</v>
      </c>
      <c r="B201" s="155">
        <v>87</v>
      </c>
      <c r="C201" s="156">
        <v>0.12</v>
      </c>
      <c r="D201" s="97">
        <v>7.2024264950800929E-2</v>
      </c>
      <c r="E201" s="156">
        <v>8.6999999999999994E-2</v>
      </c>
      <c r="F201" s="97">
        <v>6.4312600167830455E-2</v>
      </c>
      <c r="G201" s="156">
        <v>0.76300000000000001</v>
      </c>
      <c r="H201" s="97">
        <v>9.0609207364169705E-2</v>
      </c>
      <c r="I201" s="156">
        <v>3.1E-2</v>
      </c>
      <c r="J201" s="97">
        <v>4.6386449653855751E-2</v>
      </c>
    </row>
    <row r="202" spans="1:10">
      <c r="A202" s="57" t="s">
        <v>453</v>
      </c>
      <c r="B202" s="154">
        <v>80</v>
      </c>
      <c r="C202" s="157">
        <v>0.13400000000000001</v>
      </c>
      <c r="D202" s="94">
        <v>7.8223720426209495E-2</v>
      </c>
      <c r="E202" s="157">
        <v>0.22700000000000001</v>
      </c>
      <c r="F202" s="94">
        <v>9.3197179601714808E-2</v>
      </c>
      <c r="G202" s="157">
        <v>0.59199999999999997</v>
      </c>
      <c r="H202" s="94">
        <v>0.10742060246090311</v>
      </c>
      <c r="I202" s="157">
        <v>4.7E-2</v>
      </c>
      <c r="J202" s="94">
        <v>5.5148884094871953E-2</v>
      </c>
    </row>
    <row r="203" spans="1:10">
      <c r="A203" s="49" t="s">
        <v>459</v>
      </c>
      <c r="B203" s="155">
        <v>37</v>
      </c>
      <c r="C203" s="156">
        <v>0.122</v>
      </c>
      <c r="D203" s="97">
        <v>0.11418248740020008</v>
      </c>
      <c r="E203" s="156">
        <v>0.13300000000000001</v>
      </c>
      <c r="F203" s="97">
        <v>0.11699897485301015</v>
      </c>
      <c r="G203" s="156">
        <v>0.70099999999999996</v>
      </c>
      <c r="H203" s="97">
        <v>0.14553436587431973</v>
      </c>
      <c r="I203" s="156">
        <v>4.3999999999999997E-2</v>
      </c>
      <c r="J203" s="97">
        <v>8.8707638885692677E-2</v>
      </c>
    </row>
  </sheetData>
  <mergeCells count="28">
    <mergeCell ref="A3:O3"/>
    <mergeCell ref="A4:O4"/>
    <mergeCell ref="E5:O5"/>
    <mergeCell ref="A90:I90"/>
    <mergeCell ref="A34:D34"/>
    <mergeCell ref="B63:H63"/>
    <mergeCell ref="I63:O63"/>
    <mergeCell ref="A61:V61"/>
    <mergeCell ref="A62:V62"/>
    <mergeCell ref="P63:V63"/>
    <mergeCell ref="A149:V149"/>
    <mergeCell ref="A5:D5"/>
    <mergeCell ref="A92:D92"/>
    <mergeCell ref="A119:D119"/>
    <mergeCell ref="A120:D120"/>
    <mergeCell ref="E92:I92"/>
    <mergeCell ref="A91:I91"/>
    <mergeCell ref="A121:D121"/>
    <mergeCell ref="A33:K33"/>
    <mergeCell ref="A32:K32"/>
    <mergeCell ref="E34:K34"/>
    <mergeCell ref="A148:V148"/>
    <mergeCell ref="B150:H150"/>
    <mergeCell ref="P150:V150"/>
    <mergeCell ref="I150:O150"/>
    <mergeCell ref="A179:J179"/>
    <mergeCell ref="A178:J178"/>
    <mergeCell ref="A177:J177"/>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C118"/>
  <sheetViews>
    <sheetView zoomScaleNormal="100" workbookViewId="0">
      <selection activeCell="A3" sqref="A3:D3"/>
    </sheetView>
  </sheetViews>
  <sheetFormatPr defaultColWidth="19.140625" defaultRowHeight="15"/>
  <cols>
    <col min="1" max="1" width="36.140625" customWidth="1"/>
  </cols>
  <sheetData>
    <row r="1" spans="1:4" ht="31.5">
      <c r="A1" s="33" t="s">
        <v>40</v>
      </c>
    </row>
    <row r="3" spans="1:4" ht="18.75">
      <c r="A3" s="321" t="s">
        <v>11</v>
      </c>
      <c r="B3" s="321"/>
      <c r="C3" s="321"/>
      <c r="D3" s="321"/>
    </row>
    <row r="4" spans="1:4" ht="129.75" customHeight="1">
      <c r="A4" s="383" t="s">
        <v>261</v>
      </c>
      <c r="B4" s="383"/>
      <c r="C4" s="383"/>
      <c r="D4" s="383"/>
    </row>
    <row r="5" spans="1:4" ht="15.75" customHeight="1">
      <c r="A5" s="360" t="s">
        <v>141</v>
      </c>
      <c r="B5" s="360"/>
      <c r="C5" s="360"/>
      <c r="D5" s="360"/>
    </row>
    <row r="6" spans="1:4" ht="72">
      <c r="A6" s="37" t="s">
        <v>85</v>
      </c>
      <c r="B6" s="38" t="s">
        <v>86</v>
      </c>
      <c r="C6" s="39" t="s">
        <v>87</v>
      </c>
      <c r="D6" s="40" t="s">
        <v>88</v>
      </c>
    </row>
    <row r="7" spans="1:4" ht="72">
      <c r="A7" s="41"/>
      <c r="B7" s="42" t="s">
        <v>89</v>
      </c>
      <c r="C7" s="128" t="s">
        <v>142</v>
      </c>
      <c r="D7" s="44" t="s">
        <v>91</v>
      </c>
    </row>
    <row r="8" spans="1:4">
      <c r="A8" s="45" t="s">
        <v>434</v>
      </c>
      <c r="B8" s="158">
        <v>9254</v>
      </c>
      <c r="C8" s="159">
        <v>4.63</v>
      </c>
      <c r="D8" s="86">
        <v>1.9599999999999999E-2</v>
      </c>
    </row>
    <row r="9" spans="1:4">
      <c r="A9" s="49" t="s">
        <v>435</v>
      </c>
      <c r="B9" s="49">
        <v>8632</v>
      </c>
      <c r="C9" s="161">
        <v>4.58</v>
      </c>
      <c r="D9" s="87">
        <v>3.9199999999999999E-2</v>
      </c>
    </row>
    <row r="10" spans="1:4">
      <c r="A10" s="45" t="s">
        <v>436</v>
      </c>
      <c r="B10" s="53">
        <v>811</v>
      </c>
      <c r="C10" s="159">
        <v>4.53</v>
      </c>
      <c r="D10" s="86">
        <v>9.8000000000000004E-2</v>
      </c>
    </row>
    <row r="11" spans="1:4">
      <c r="A11" s="49" t="s">
        <v>437</v>
      </c>
      <c r="B11" s="49">
        <v>2529</v>
      </c>
      <c r="C11" s="161">
        <v>4.74</v>
      </c>
      <c r="D11" s="87">
        <v>5.8799999999999998E-2</v>
      </c>
    </row>
    <row r="12" spans="1:4">
      <c r="A12" s="45" t="s">
        <v>438</v>
      </c>
      <c r="B12" s="53">
        <v>2465</v>
      </c>
      <c r="C12" s="159">
        <v>4.76</v>
      </c>
      <c r="D12" s="86">
        <v>5.8799999999999998E-2</v>
      </c>
    </row>
    <row r="13" spans="1:4">
      <c r="A13" s="49" t="s">
        <v>449</v>
      </c>
      <c r="B13" s="49">
        <v>285</v>
      </c>
      <c r="C13" s="161">
        <v>4.68</v>
      </c>
      <c r="D13" s="87">
        <v>0.15679999999999999</v>
      </c>
    </row>
    <row r="14" spans="1:4">
      <c r="A14" s="45" t="s">
        <v>439</v>
      </c>
      <c r="B14" s="53">
        <v>145</v>
      </c>
      <c r="C14" s="159">
        <v>4.7</v>
      </c>
      <c r="D14" s="86">
        <v>0.21559999999999999</v>
      </c>
    </row>
    <row r="15" spans="1:4" ht="25.5">
      <c r="A15" s="49" t="s">
        <v>440</v>
      </c>
      <c r="B15" s="49">
        <v>93</v>
      </c>
      <c r="C15" s="161">
        <v>4.43</v>
      </c>
      <c r="D15" s="87">
        <v>0.29399999999999998</v>
      </c>
    </row>
    <row r="16" spans="1:4">
      <c r="A16" s="45" t="s">
        <v>475</v>
      </c>
      <c r="B16" s="53">
        <v>254</v>
      </c>
      <c r="C16" s="159">
        <v>4.55</v>
      </c>
      <c r="D16" s="86">
        <v>0.1764</v>
      </c>
    </row>
    <row r="17" spans="1:29">
      <c r="A17" s="49" t="s">
        <v>441</v>
      </c>
      <c r="B17" s="49">
        <v>82</v>
      </c>
      <c r="C17" s="161">
        <v>4.4000000000000004</v>
      </c>
      <c r="D17" s="87">
        <v>0.3528</v>
      </c>
    </row>
    <row r="18" spans="1:29" ht="25.5">
      <c r="A18" s="45" t="s">
        <v>442</v>
      </c>
      <c r="B18" s="158">
        <v>104</v>
      </c>
      <c r="C18" s="159">
        <v>4.51</v>
      </c>
      <c r="D18" s="86">
        <v>0.27440000000000003</v>
      </c>
    </row>
    <row r="19" spans="1:29">
      <c r="A19" s="49" t="s">
        <v>462</v>
      </c>
      <c r="B19" s="160">
        <v>68</v>
      </c>
      <c r="C19" s="161">
        <v>4.75</v>
      </c>
      <c r="D19" s="87">
        <v>0.3332</v>
      </c>
    </row>
    <row r="20" spans="1:29">
      <c r="A20" s="45" t="s">
        <v>450</v>
      </c>
      <c r="B20" s="83">
        <v>256</v>
      </c>
      <c r="C20" s="159">
        <v>4.9400000000000004</v>
      </c>
      <c r="D20" s="86">
        <v>0.1764</v>
      </c>
    </row>
    <row r="21" spans="1:29">
      <c r="A21" s="49" t="s">
        <v>443</v>
      </c>
      <c r="B21" s="160">
        <v>123</v>
      </c>
      <c r="C21" s="161">
        <v>4.6500000000000004</v>
      </c>
      <c r="D21" s="87">
        <v>0.23519999999999999</v>
      </c>
    </row>
    <row r="22" spans="1:29">
      <c r="A22" s="57" t="s">
        <v>444</v>
      </c>
      <c r="B22" s="158">
        <v>133</v>
      </c>
      <c r="C22" s="159">
        <v>5.07</v>
      </c>
      <c r="D22" s="86">
        <v>0.23519999999999999</v>
      </c>
    </row>
    <row r="23" spans="1:29">
      <c r="A23" s="49" t="s">
        <v>451</v>
      </c>
      <c r="B23" s="160">
        <v>80</v>
      </c>
      <c r="C23" s="161">
        <v>4.8899999999999997</v>
      </c>
      <c r="D23" s="87">
        <v>0.27440000000000003</v>
      </c>
    </row>
    <row r="24" spans="1:29">
      <c r="A24" s="57" t="s">
        <v>452</v>
      </c>
      <c r="B24" s="158">
        <v>310</v>
      </c>
      <c r="C24" s="159">
        <v>4.58</v>
      </c>
      <c r="D24" s="86">
        <v>0.15679999999999999</v>
      </c>
    </row>
    <row r="25" spans="1:29">
      <c r="A25" s="49" t="s">
        <v>445</v>
      </c>
      <c r="B25" s="160">
        <v>99</v>
      </c>
      <c r="C25" s="161">
        <v>4.46</v>
      </c>
      <c r="D25" s="87">
        <v>0.31359999999999999</v>
      </c>
    </row>
    <row r="26" spans="1:29">
      <c r="A26" s="57" t="s">
        <v>446</v>
      </c>
      <c r="B26" s="158">
        <v>122</v>
      </c>
      <c r="C26" s="159">
        <v>4.72</v>
      </c>
      <c r="D26" s="86">
        <v>0.25480000000000003</v>
      </c>
    </row>
    <row r="27" spans="1:29">
      <c r="A27" s="49" t="s">
        <v>447</v>
      </c>
      <c r="B27" s="160">
        <v>89</v>
      </c>
      <c r="C27" s="161">
        <v>4.5199999999999996</v>
      </c>
      <c r="D27" s="87">
        <v>0.29399999999999998</v>
      </c>
    </row>
    <row r="28" spans="1:29">
      <c r="A28" s="57" t="s">
        <v>453</v>
      </c>
      <c r="B28" s="158">
        <v>83</v>
      </c>
      <c r="C28" s="159">
        <v>4.6100000000000003</v>
      </c>
      <c r="D28" s="86">
        <v>0.29399999999999998</v>
      </c>
    </row>
    <row r="29" spans="1:29">
      <c r="A29" s="49" t="s">
        <v>459</v>
      </c>
      <c r="B29" s="160">
        <v>38</v>
      </c>
      <c r="C29" s="161">
        <v>4.59</v>
      </c>
      <c r="D29" s="87">
        <v>0.39200000000000002</v>
      </c>
    </row>
    <row r="32" spans="1:29" ht="18.75">
      <c r="A32" s="322" t="s">
        <v>43</v>
      </c>
      <c r="B32" s="322"/>
      <c r="C32" s="322"/>
      <c r="D32" s="322"/>
      <c r="E32" s="322"/>
      <c r="F32" s="322"/>
      <c r="G32" s="322"/>
      <c r="H32" s="322"/>
      <c r="I32" s="322"/>
      <c r="J32" s="322"/>
      <c r="K32" s="322"/>
      <c r="L32" s="322"/>
      <c r="M32" s="322"/>
      <c r="N32" s="322"/>
      <c r="O32" s="322"/>
      <c r="P32" s="322"/>
      <c r="Q32" s="322"/>
      <c r="R32" s="322"/>
      <c r="S32" s="322"/>
      <c r="T32" s="227"/>
      <c r="U32" s="227"/>
      <c r="V32" s="227"/>
      <c r="W32" s="227"/>
      <c r="X32" s="227"/>
      <c r="Y32" s="227"/>
      <c r="Z32" s="227"/>
      <c r="AA32" s="227"/>
      <c r="AB32" s="227"/>
      <c r="AC32" s="227"/>
    </row>
    <row r="33" spans="1:29" ht="60.75" customHeight="1">
      <c r="A33" s="369" t="s">
        <v>379</v>
      </c>
      <c r="B33" s="369"/>
      <c r="C33" s="369"/>
      <c r="D33" s="369"/>
      <c r="E33" s="369"/>
      <c r="F33" s="369"/>
      <c r="G33" s="369"/>
      <c r="H33" s="369"/>
      <c r="I33" s="369"/>
      <c r="J33" s="369"/>
      <c r="K33" s="369"/>
      <c r="L33" s="369"/>
      <c r="M33" s="369"/>
      <c r="N33" s="369"/>
      <c r="O33" s="369"/>
      <c r="P33" s="369"/>
      <c r="Q33" s="369"/>
      <c r="R33" s="369"/>
      <c r="S33" s="369"/>
      <c r="T33" s="253"/>
      <c r="U33" s="253"/>
      <c r="V33" s="253"/>
      <c r="W33" s="253"/>
      <c r="X33" s="253"/>
      <c r="Y33" s="253"/>
      <c r="Z33" s="253"/>
      <c r="AA33" s="253"/>
      <c r="AB33" s="253"/>
      <c r="AC33" s="253"/>
    </row>
    <row r="34" spans="1:29" ht="33.75" customHeight="1">
      <c r="A34" s="64"/>
      <c r="B34" s="364" t="s">
        <v>143</v>
      </c>
      <c r="C34" s="365"/>
      <c r="D34" s="365"/>
      <c r="E34" s="365"/>
      <c r="F34" s="365"/>
      <c r="G34" s="365"/>
      <c r="H34" s="365"/>
      <c r="I34" s="365"/>
      <c r="J34" s="366"/>
      <c r="K34" s="367" t="s">
        <v>144</v>
      </c>
      <c r="L34" s="368"/>
      <c r="M34" s="368"/>
      <c r="N34" s="368"/>
      <c r="O34" s="368"/>
      <c r="P34" s="368"/>
      <c r="Q34" s="368"/>
      <c r="R34" s="368"/>
      <c r="S34" s="368"/>
    </row>
    <row r="35" spans="1:29" ht="41.25" customHeight="1">
      <c r="A35" s="37" t="s">
        <v>85</v>
      </c>
      <c r="B35" s="38" t="s">
        <v>86</v>
      </c>
      <c r="C35" s="38" t="s">
        <v>178</v>
      </c>
      <c r="D35" s="89" t="s">
        <v>101</v>
      </c>
      <c r="E35" s="38" t="s">
        <v>179</v>
      </c>
      <c r="F35" s="89" t="s">
        <v>102</v>
      </c>
      <c r="G35" s="38" t="s">
        <v>180</v>
      </c>
      <c r="H35" s="89" t="s">
        <v>103</v>
      </c>
      <c r="I35" s="38" t="s">
        <v>356</v>
      </c>
      <c r="J35" s="89" t="s">
        <v>355</v>
      </c>
      <c r="K35" s="65" t="s">
        <v>86</v>
      </c>
      <c r="L35" s="65" t="s">
        <v>178</v>
      </c>
      <c r="M35" s="88" t="s">
        <v>101</v>
      </c>
      <c r="N35" s="65" t="s">
        <v>179</v>
      </c>
      <c r="O35" s="88" t="s">
        <v>102</v>
      </c>
      <c r="P35" s="65" t="s">
        <v>180</v>
      </c>
      <c r="Q35" s="88" t="s">
        <v>103</v>
      </c>
      <c r="R35" s="65" t="s">
        <v>356</v>
      </c>
      <c r="S35" s="88" t="s">
        <v>355</v>
      </c>
    </row>
    <row r="36" spans="1:29" ht="77.25" customHeight="1">
      <c r="A36" s="41"/>
      <c r="B36" s="42" t="s">
        <v>89</v>
      </c>
      <c r="C36" s="42" t="s">
        <v>181</v>
      </c>
      <c r="D36" s="91" t="s">
        <v>145</v>
      </c>
      <c r="E36" s="42" t="s">
        <v>182</v>
      </c>
      <c r="F36" s="91" t="s">
        <v>146</v>
      </c>
      <c r="G36" s="42" t="s">
        <v>183</v>
      </c>
      <c r="H36" s="91" t="s">
        <v>147</v>
      </c>
      <c r="I36" s="42" t="s">
        <v>356</v>
      </c>
      <c r="J36" s="91" t="s">
        <v>104</v>
      </c>
      <c r="K36" s="68" t="s">
        <v>89</v>
      </c>
      <c r="L36" s="68" t="s">
        <v>181</v>
      </c>
      <c r="M36" s="90" t="s">
        <v>145</v>
      </c>
      <c r="N36" s="68" t="s">
        <v>182</v>
      </c>
      <c r="O36" s="90" t="s">
        <v>146</v>
      </c>
      <c r="P36" s="68" t="s">
        <v>183</v>
      </c>
      <c r="Q36" s="90" t="s">
        <v>147</v>
      </c>
      <c r="R36" s="68" t="s">
        <v>356</v>
      </c>
      <c r="S36" s="90" t="s">
        <v>104</v>
      </c>
    </row>
    <row r="37" spans="1:29">
      <c r="A37" s="45" t="s">
        <v>434</v>
      </c>
      <c r="B37" s="158">
        <v>9361</v>
      </c>
      <c r="C37" s="162">
        <v>0.26700000000000002</v>
      </c>
      <c r="D37" s="94">
        <v>9.1439777660970185E-3</v>
      </c>
      <c r="E37" s="162">
        <v>0.19500000000000001</v>
      </c>
      <c r="F37" s="94">
        <v>8.1903267237955959E-3</v>
      </c>
      <c r="G37" s="162">
        <v>0.47699999999999998</v>
      </c>
      <c r="H37" s="94">
        <v>1.0322538991586489E-2</v>
      </c>
      <c r="I37" s="93">
        <v>0.06</v>
      </c>
      <c r="J37" s="94">
        <v>4.9153147216839535E-3</v>
      </c>
      <c r="K37" s="158">
        <v>9393</v>
      </c>
      <c r="L37" s="162">
        <v>0.192</v>
      </c>
      <c r="M37" s="94">
        <v>8.128392502322843E-3</v>
      </c>
      <c r="N37" s="162">
        <v>0.126</v>
      </c>
      <c r="O37" s="94">
        <v>6.8503222862829711E-3</v>
      </c>
      <c r="P37" s="162">
        <v>0.61599999999999999</v>
      </c>
      <c r="Q37" s="94">
        <v>1.0034641565253173E-2</v>
      </c>
      <c r="R37" s="93">
        <v>6.6000000000000003E-2</v>
      </c>
      <c r="S37" s="94">
        <v>5.129142896626142E-3</v>
      </c>
    </row>
    <row r="38" spans="1:29">
      <c r="A38" s="49" t="s">
        <v>435</v>
      </c>
      <c r="B38" s="160">
        <v>8720</v>
      </c>
      <c r="C38" s="163">
        <v>0.27600000000000002</v>
      </c>
      <c r="D38" s="97">
        <v>9.5729540637198435E-3</v>
      </c>
      <c r="E38" s="163">
        <v>0.191</v>
      </c>
      <c r="F38" s="97">
        <v>8.4194959724816446E-3</v>
      </c>
      <c r="G38" s="163">
        <v>0.48</v>
      </c>
      <c r="H38" s="97">
        <v>1.0697807449970632E-2</v>
      </c>
      <c r="I38" s="96">
        <v>5.2999999999999999E-2</v>
      </c>
      <c r="J38" s="97">
        <v>4.8059160849244272E-3</v>
      </c>
      <c r="K38" s="160">
        <v>8750</v>
      </c>
      <c r="L38" s="163">
        <v>0.21</v>
      </c>
      <c r="M38" s="97">
        <v>8.7086426241989815E-3</v>
      </c>
      <c r="N38" s="163">
        <v>0.125</v>
      </c>
      <c r="O38" s="97">
        <v>7.0736031620931405E-3</v>
      </c>
      <c r="P38" s="163">
        <v>0.60299999999999998</v>
      </c>
      <c r="Q38" s="97">
        <v>1.0458982254780031E-2</v>
      </c>
      <c r="R38" s="96">
        <v>6.0999999999999999E-2</v>
      </c>
      <c r="S38" s="97">
        <v>5.1237855705285737E-3</v>
      </c>
    </row>
    <row r="39" spans="1:29">
      <c r="A39" s="45" t="s">
        <v>436</v>
      </c>
      <c r="B39" s="158">
        <v>836</v>
      </c>
      <c r="C39" s="162">
        <v>0.22600000000000001</v>
      </c>
      <c r="D39" s="94">
        <v>2.8920029895277095E-2</v>
      </c>
      <c r="E39" s="162">
        <v>0.18540000000000001</v>
      </c>
      <c r="F39" s="94">
        <v>2.6900805195460772E-2</v>
      </c>
      <c r="G39" s="162">
        <v>0.4914</v>
      </c>
      <c r="H39" s="94">
        <v>3.4498222363026659E-2</v>
      </c>
      <c r="I39" s="93">
        <v>9.7199999999999995E-2</v>
      </c>
      <c r="J39" s="94">
        <v>2.0620574380535005E-2</v>
      </c>
      <c r="K39" s="158">
        <v>840</v>
      </c>
      <c r="L39" s="162">
        <v>0.2414</v>
      </c>
      <c r="M39" s="94">
        <v>2.9510895595845101E-2</v>
      </c>
      <c r="N39" s="162">
        <v>0.152</v>
      </c>
      <c r="O39" s="94">
        <v>2.4825570163193846E-2</v>
      </c>
      <c r="P39" s="162">
        <v>0.50119999999999998</v>
      </c>
      <c r="Q39" s="94">
        <v>3.4421321344676507E-2</v>
      </c>
      <c r="R39" s="93">
        <v>0.10539999999999999</v>
      </c>
      <c r="S39" s="94">
        <v>2.1303856622659864E-2</v>
      </c>
    </row>
    <row r="40" spans="1:29">
      <c r="A40" s="49" t="s">
        <v>437</v>
      </c>
      <c r="B40" s="160">
        <v>2550</v>
      </c>
      <c r="C40" s="163">
        <v>0.255</v>
      </c>
      <c r="D40" s="97">
        <v>1.7257680031265089E-2</v>
      </c>
      <c r="E40" s="163">
        <v>0.17899999999999999</v>
      </c>
      <c r="F40" s="97">
        <v>1.5187757653075682E-2</v>
      </c>
      <c r="G40" s="163">
        <v>0.51200000000000001</v>
      </c>
      <c r="H40" s="97">
        <v>1.9781755620991479E-2</v>
      </c>
      <c r="I40" s="96">
        <v>5.5E-2</v>
      </c>
      <c r="J40" s="97">
        <v>9.0759258154780777E-3</v>
      </c>
      <c r="K40" s="160">
        <v>2550</v>
      </c>
      <c r="L40" s="163">
        <v>0.17199999999999999</v>
      </c>
      <c r="M40" s="97">
        <v>1.4952429183697744E-2</v>
      </c>
      <c r="N40" s="163">
        <v>0.123</v>
      </c>
      <c r="O40" s="97">
        <v>1.3024634687212979E-2</v>
      </c>
      <c r="P40" s="163">
        <v>0.65400000000000003</v>
      </c>
      <c r="Q40" s="97">
        <v>1.8828585393889253E-2</v>
      </c>
      <c r="R40" s="96">
        <v>5.1999999999999998E-2</v>
      </c>
      <c r="S40" s="97">
        <v>8.8424991018146593E-3</v>
      </c>
    </row>
    <row r="41" spans="1:29">
      <c r="A41" s="45" t="s">
        <v>438</v>
      </c>
      <c r="B41" s="158">
        <v>2486</v>
      </c>
      <c r="C41" s="162">
        <v>0.255</v>
      </c>
      <c r="D41" s="94">
        <v>1.7478280107318101E-2</v>
      </c>
      <c r="E41" s="162">
        <v>0.17399999999999999</v>
      </c>
      <c r="F41" s="94">
        <v>1.5212823524314852E-2</v>
      </c>
      <c r="G41" s="162">
        <v>0.51900000000000002</v>
      </c>
      <c r="H41" s="94">
        <v>2.0025692690224441E-2</v>
      </c>
      <c r="I41" s="93">
        <v>5.1999999999999998E-2</v>
      </c>
      <c r="J41" s="94">
        <v>8.9568635315600432E-3</v>
      </c>
      <c r="K41" s="158">
        <v>2485</v>
      </c>
      <c r="L41" s="162">
        <v>0.17199999999999999</v>
      </c>
      <c r="M41" s="94">
        <v>1.5146877653415845E-2</v>
      </c>
      <c r="N41" s="162">
        <v>0.11799999999999999</v>
      </c>
      <c r="O41" s="94">
        <v>1.2961893255330455E-2</v>
      </c>
      <c r="P41" s="162">
        <v>0.66100000000000003</v>
      </c>
      <c r="Q41" s="94">
        <v>1.8980112525763336E-2</v>
      </c>
      <c r="R41" s="93">
        <v>4.9000000000000002E-2</v>
      </c>
      <c r="S41" s="94">
        <v>8.7142240596684798E-3</v>
      </c>
    </row>
    <row r="42" spans="1:29">
      <c r="A42" s="49" t="s">
        <v>449</v>
      </c>
      <c r="B42" s="160">
        <v>289</v>
      </c>
      <c r="C42" s="163">
        <v>0.29399999999999998</v>
      </c>
      <c r="D42" s="97">
        <v>5.3379285926299196E-2</v>
      </c>
      <c r="E42" s="163">
        <v>0.14499999999999999</v>
      </c>
      <c r="F42" s="97">
        <v>4.1703073258167647E-2</v>
      </c>
      <c r="G42" s="163">
        <v>0.51800000000000002</v>
      </c>
      <c r="H42" s="97">
        <v>5.8383782173690571E-2</v>
      </c>
      <c r="I42" s="96">
        <v>4.2999999999999997E-2</v>
      </c>
      <c r="J42" s="97">
        <v>2.5280525171561822E-2</v>
      </c>
      <c r="K42" s="160">
        <v>285</v>
      </c>
      <c r="L42" s="163">
        <v>0.182</v>
      </c>
      <c r="M42" s="97">
        <v>4.5815321789299111E-2</v>
      </c>
      <c r="N42" s="163">
        <v>0.11600000000000001</v>
      </c>
      <c r="O42" s="97">
        <v>3.8410923160221162E-2</v>
      </c>
      <c r="P42" s="163">
        <v>0.64100000000000001</v>
      </c>
      <c r="Q42" s="97">
        <v>5.6503119370699136E-2</v>
      </c>
      <c r="R42" s="96">
        <v>6.2E-2</v>
      </c>
      <c r="S42" s="97">
        <v>2.9629735664773661E-2</v>
      </c>
    </row>
    <row r="43" spans="1:29">
      <c r="A43" s="45" t="s">
        <v>439</v>
      </c>
      <c r="B43" s="158">
        <v>145</v>
      </c>
      <c r="C43" s="162">
        <v>0.33800000000000002</v>
      </c>
      <c r="D43" s="94">
        <v>7.7744403123247693E-2</v>
      </c>
      <c r="E43" s="162">
        <v>0.13600000000000001</v>
      </c>
      <c r="F43" s="94">
        <v>5.7817670108131422E-2</v>
      </c>
      <c r="G43" s="162">
        <v>0.5</v>
      </c>
      <c r="H43" s="94">
        <v>8.1923192051904042E-2</v>
      </c>
      <c r="I43" s="93">
        <v>2.5999999999999999E-2</v>
      </c>
      <c r="J43" s="94">
        <v>3.1612256388175913E-2</v>
      </c>
      <c r="K43" s="158">
        <v>144</v>
      </c>
      <c r="L43" s="162">
        <v>0.17199999999999999</v>
      </c>
      <c r="M43" s="94">
        <v>6.32781857981045E-2</v>
      </c>
      <c r="N43" s="162">
        <v>9.0999999999999998E-2</v>
      </c>
      <c r="O43" s="94">
        <v>4.9766759802314341E-2</v>
      </c>
      <c r="P43" s="162">
        <v>0.70499999999999996</v>
      </c>
      <c r="Q43" s="94">
        <v>7.5375801556786873E-2</v>
      </c>
      <c r="R43" s="93">
        <v>3.3000000000000002E-2</v>
      </c>
      <c r="S43" s="94">
        <v>3.4304002312485427E-2</v>
      </c>
    </row>
    <row r="44" spans="1:29" ht="25.5">
      <c r="A44" s="49" t="s">
        <v>440</v>
      </c>
      <c r="B44" s="160">
        <v>94</v>
      </c>
      <c r="C44" s="163">
        <v>0.26700000000000002</v>
      </c>
      <c r="D44" s="97">
        <v>9.0362605395664139E-2</v>
      </c>
      <c r="E44" s="163">
        <v>0.16800000000000001</v>
      </c>
      <c r="F44" s="97">
        <v>7.787751958695821E-2</v>
      </c>
      <c r="G44" s="163">
        <v>0.495</v>
      </c>
      <c r="H44" s="97">
        <v>0.1010106074783407</v>
      </c>
      <c r="I44" s="96">
        <v>7.0999999999999994E-2</v>
      </c>
      <c r="J44" s="97">
        <v>5.7383830423596655E-2</v>
      </c>
      <c r="K44" s="160">
        <v>92</v>
      </c>
      <c r="L44" s="163">
        <v>0.22700000000000001</v>
      </c>
      <c r="M44" s="97">
        <v>8.697517830177183E-2</v>
      </c>
      <c r="N44" s="163">
        <v>0.18099999999999999</v>
      </c>
      <c r="O44" s="97">
        <v>8.076261896512818E-2</v>
      </c>
      <c r="P44" s="163">
        <v>0.46899999999999997</v>
      </c>
      <c r="Q44" s="97">
        <v>0.10188175640797105</v>
      </c>
      <c r="R44" s="96">
        <v>0.124</v>
      </c>
      <c r="S44" s="97">
        <v>7.0757770153086638E-2</v>
      </c>
    </row>
    <row r="45" spans="1:29">
      <c r="A45" s="45" t="s">
        <v>475</v>
      </c>
      <c r="B45" s="158">
        <v>256</v>
      </c>
      <c r="C45" s="162">
        <v>0.307</v>
      </c>
      <c r="D45" s="94">
        <v>5.7363658657264095E-2</v>
      </c>
      <c r="E45" s="162">
        <v>0.20599999999999999</v>
      </c>
      <c r="F45" s="94">
        <v>5.0566500161199332E-2</v>
      </c>
      <c r="G45" s="162">
        <v>0.45900000000000002</v>
      </c>
      <c r="H45" s="94">
        <v>6.1814900519721661E-2</v>
      </c>
      <c r="I45" s="93">
        <v>2.8000000000000001E-2</v>
      </c>
      <c r="J45" s="94">
        <v>2.2876982845331646E-2</v>
      </c>
      <c r="K45" s="158">
        <v>256</v>
      </c>
      <c r="L45" s="162">
        <v>0.20399999999999999</v>
      </c>
      <c r="M45" s="94">
        <v>5.0392175737033446E-2</v>
      </c>
      <c r="N45" s="162">
        <v>0.154</v>
      </c>
      <c r="O45" s="94">
        <v>4.5393871847138854E-2</v>
      </c>
      <c r="P45" s="162">
        <v>0.57199999999999995</v>
      </c>
      <c r="Q45" s="94">
        <v>6.1390838794131687E-2</v>
      </c>
      <c r="R45" s="93">
        <v>7.0000000000000007E-2</v>
      </c>
      <c r="S45" s="94">
        <v>3.2990783667708752E-2</v>
      </c>
    </row>
    <row r="46" spans="1:29">
      <c r="A46" s="49" t="s">
        <v>441</v>
      </c>
      <c r="B46" s="160">
        <v>82</v>
      </c>
      <c r="C46" s="163">
        <v>0.38200000000000001</v>
      </c>
      <c r="D46" s="97">
        <v>0.10506722844140871</v>
      </c>
      <c r="E46" s="163">
        <v>0.13400000000000001</v>
      </c>
      <c r="F46" s="97">
        <v>7.7223695609544993E-2</v>
      </c>
      <c r="G46" s="163">
        <v>0.442</v>
      </c>
      <c r="H46" s="97">
        <v>0.10717116342133842</v>
      </c>
      <c r="I46" s="96">
        <v>4.2000000000000003E-2</v>
      </c>
      <c r="J46" s="97">
        <v>5.2515840869244691E-2</v>
      </c>
      <c r="K46" s="160">
        <v>82</v>
      </c>
      <c r="L46" s="163">
        <v>0.25600000000000001</v>
      </c>
      <c r="M46" s="97">
        <v>9.5448375539464364E-2</v>
      </c>
      <c r="N46" s="163">
        <v>0.222</v>
      </c>
      <c r="O46" s="97">
        <v>9.1432531584851082E-2</v>
      </c>
      <c r="P46" s="163">
        <v>0.52200000000000002</v>
      </c>
      <c r="Q46" s="97">
        <v>0.10773783343674743</v>
      </c>
      <c r="R46" s="96">
        <v>0</v>
      </c>
      <c r="S46" s="97">
        <v>3.2504011252172456E-2</v>
      </c>
    </row>
    <row r="47" spans="1:29" ht="25.5">
      <c r="A47" s="45" t="s">
        <v>442</v>
      </c>
      <c r="B47" s="158">
        <v>105</v>
      </c>
      <c r="C47" s="162">
        <v>0.29499999999999998</v>
      </c>
      <c r="D47" s="94">
        <v>8.7995581437647394E-2</v>
      </c>
      <c r="E47" s="162">
        <v>0.29399999999999998</v>
      </c>
      <c r="F47" s="94">
        <v>8.7916019301121556E-2</v>
      </c>
      <c r="G47" s="162">
        <v>0.39</v>
      </c>
      <c r="H47" s="94">
        <v>9.3606982110364612E-2</v>
      </c>
      <c r="I47" s="93">
        <v>2.1000000000000001E-2</v>
      </c>
      <c r="J47" s="94">
        <v>3.6892962449202246E-2</v>
      </c>
      <c r="K47" s="158">
        <v>105</v>
      </c>
      <c r="L47" s="162">
        <v>0.20599999999999999</v>
      </c>
      <c r="M47" s="94">
        <v>7.8935933674370948E-2</v>
      </c>
      <c r="N47" s="162">
        <v>9.8000000000000004E-2</v>
      </c>
      <c r="O47" s="94">
        <v>6.0590129656369313E-2</v>
      </c>
      <c r="P47" s="162">
        <v>0.57999999999999996</v>
      </c>
      <c r="Q47" s="94">
        <v>9.4638104699920261E-2</v>
      </c>
      <c r="R47" s="93">
        <v>0.115</v>
      </c>
      <c r="S47" s="94">
        <v>6.4239884794121821E-2</v>
      </c>
    </row>
    <row r="48" spans="1:29">
      <c r="A48" s="49" t="s">
        <v>462</v>
      </c>
      <c r="B48" s="160">
        <v>69</v>
      </c>
      <c r="C48" s="163">
        <v>0.24199999999999999</v>
      </c>
      <c r="D48" s="97">
        <v>0.10217654089652514</v>
      </c>
      <c r="E48" s="163">
        <v>0.187</v>
      </c>
      <c r="F48" s="97">
        <v>9.4353803060463814E-2</v>
      </c>
      <c r="G48" s="163">
        <v>0.54900000000000004</v>
      </c>
      <c r="H48" s="97">
        <v>0.11653793889403506</v>
      </c>
      <c r="I48" s="96">
        <v>2.1999999999999999E-2</v>
      </c>
      <c r="J48" s="97">
        <v>5.0133702378181801E-2</v>
      </c>
      <c r="K48" s="160">
        <v>69</v>
      </c>
      <c r="L48" s="163">
        <v>0.14699999999999999</v>
      </c>
      <c r="M48" s="97">
        <v>8.7169383163602995E-2</v>
      </c>
      <c r="N48" s="163">
        <v>0.14299999999999999</v>
      </c>
      <c r="O48" s="97">
        <v>8.6368232296872322E-2</v>
      </c>
      <c r="P48" s="163">
        <v>0.61499999999999999</v>
      </c>
      <c r="Q48" s="97">
        <v>0.11424189856024326</v>
      </c>
      <c r="R48" s="96">
        <v>9.5000000000000001E-2</v>
      </c>
      <c r="S48" s="97">
        <v>7.5292258813533616E-2</v>
      </c>
    </row>
    <row r="49" spans="1:19">
      <c r="A49" s="45" t="s">
        <v>450</v>
      </c>
      <c r="B49" s="158">
        <v>263</v>
      </c>
      <c r="C49" s="162">
        <v>0.189</v>
      </c>
      <c r="D49" s="94">
        <v>4.8367398493139313E-2</v>
      </c>
      <c r="E49" s="162">
        <v>0.14099999999999999</v>
      </c>
      <c r="F49" s="94">
        <v>4.3265866892035272E-2</v>
      </c>
      <c r="G49" s="162">
        <v>0.57299999999999995</v>
      </c>
      <c r="H49" s="94">
        <v>6.0562837566171417E-2</v>
      </c>
      <c r="I49" s="93">
        <v>9.7000000000000003E-2</v>
      </c>
      <c r="J49" s="94">
        <v>3.7209949220247521E-2</v>
      </c>
      <c r="K49" s="158">
        <v>263</v>
      </c>
      <c r="L49" s="162">
        <v>0.14299999999999999</v>
      </c>
      <c r="M49" s="94">
        <v>4.3505751853585739E-2</v>
      </c>
      <c r="N49" s="162">
        <v>0.104</v>
      </c>
      <c r="O49" s="94">
        <v>3.8286796931289169E-2</v>
      </c>
      <c r="P49" s="162">
        <v>0.67800000000000005</v>
      </c>
      <c r="Q49" s="94">
        <v>5.7312890121818914E-2</v>
      </c>
      <c r="R49" s="93">
        <v>7.3999999999999996E-2</v>
      </c>
      <c r="S49" s="94">
        <v>3.3278025937030872E-2</v>
      </c>
    </row>
    <row r="50" spans="1:19">
      <c r="A50" s="49" t="s">
        <v>443</v>
      </c>
      <c r="B50" s="160">
        <v>125</v>
      </c>
      <c r="C50" s="163">
        <v>0.20599999999999999</v>
      </c>
      <c r="D50" s="97">
        <v>7.2355981639647918E-2</v>
      </c>
      <c r="E50" s="163">
        <v>0.2</v>
      </c>
      <c r="F50" s="97">
        <v>7.1635351821734777E-2</v>
      </c>
      <c r="G50" s="163">
        <v>0.45400000000000001</v>
      </c>
      <c r="H50" s="97">
        <v>8.7694535078168878E-2</v>
      </c>
      <c r="I50" s="96">
        <v>0.13900000000000001</v>
      </c>
      <c r="J50" s="97">
        <v>6.2910203349575575E-2</v>
      </c>
      <c r="K50" s="160">
        <v>125</v>
      </c>
      <c r="L50" s="163">
        <v>0.13500000000000001</v>
      </c>
      <c r="M50" s="97">
        <v>6.2234595488897225E-2</v>
      </c>
      <c r="N50" s="163">
        <v>6.7000000000000004E-2</v>
      </c>
      <c r="O50" s="97">
        <v>4.7888098812807312E-2</v>
      </c>
      <c r="P50" s="163">
        <v>0.69299999999999995</v>
      </c>
      <c r="Q50" s="97">
        <v>8.1654443251033187E-2</v>
      </c>
      <c r="R50" s="96">
        <v>0.105</v>
      </c>
      <c r="S50" s="97">
        <v>5.6650965623005846E-2</v>
      </c>
    </row>
    <row r="51" spans="1:19">
      <c r="A51" s="57" t="s">
        <v>444</v>
      </c>
      <c r="B51" s="158">
        <v>138</v>
      </c>
      <c r="C51" s="162">
        <v>0.18</v>
      </c>
      <c r="D51" s="94">
        <v>6.5711224921655667E-2</v>
      </c>
      <c r="E51" s="162">
        <v>0.111</v>
      </c>
      <c r="F51" s="94">
        <v>5.4922238127376316E-2</v>
      </c>
      <c r="G51" s="162">
        <v>0.63300000000000001</v>
      </c>
      <c r="H51" s="94">
        <v>8.1065705792717199E-2</v>
      </c>
      <c r="I51" s="93">
        <v>7.5999999999999998E-2</v>
      </c>
      <c r="J51" s="94">
        <v>4.7533405389371071E-2</v>
      </c>
      <c r="K51" s="158">
        <v>138</v>
      </c>
      <c r="L51" s="162">
        <v>0.14799999999999999</v>
      </c>
      <c r="M51" s="94">
        <v>6.1203468106110867E-2</v>
      </c>
      <c r="N51" s="162">
        <v>0.123</v>
      </c>
      <c r="O51" s="94">
        <v>5.7105163474549442E-2</v>
      </c>
      <c r="P51" s="162">
        <v>0.67100000000000004</v>
      </c>
      <c r="Q51" s="94">
        <v>7.9147424885376003E-2</v>
      </c>
      <c r="R51" s="93">
        <v>5.8999999999999997E-2</v>
      </c>
      <c r="S51" s="94">
        <v>4.3222762871999443E-2</v>
      </c>
    </row>
    <row r="52" spans="1:19">
      <c r="A52" s="49" t="s">
        <v>451</v>
      </c>
      <c r="B52" s="160">
        <v>81</v>
      </c>
      <c r="C52" s="163">
        <v>0.17399999999999999</v>
      </c>
      <c r="D52" s="97">
        <v>8.4988883802757834E-2</v>
      </c>
      <c r="E52" s="163">
        <v>0.251</v>
      </c>
      <c r="F52" s="97">
        <v>9.5473331042560269E-2</v>
      </c>
      <c r="G52" s="163">
        <v>0.51900000000000002</v>
      </c>
      <c r="H52" s="97">
        <v>0.10839409079274982</v>
      </c>
      <c r="I52" s="96">
        <v>5.7000000000000002E-2</v>
      </c>
      <c r="J52" s="97">
        <v>5.8122343281394401E-2</v>
      </c>
      <c r="K52" s="160">
        <v>80</v>
      </c>
      <c r="L52" s="163">
        <v>6.7000000000000004E-2</v>
      </c>
      <c r="M52" s="97">
        <v>6.1698942691171856E-2</v>
      </c>
      <c r="N52" s="163">
        <v>0.17100000000000001</v>
      </c>
      <c r="O52" s="97">
        <v>8.5027228754262177E-2</v>
      </c>
      <c r="P52" s="163">
        <v>0.72299999999999998</v>
      </c>
      <c r="Q52" s="97">
        <v>9.8776884481609956E-2</v>
      </c>
      <c r="R52" s="96">
        <v>3.9E-2</v>
      </c>
      <c r="S52" s="97">
        <v>5.2207091385045701E-2</v>
      </c>
    </row>
    <row r="53" spans="1:19">
      <c r="A53" s="57" t="s">
        <v>452</v>
      </c>
      <c r="B53" s="158">
        <v>313</v>
      </c>
      <c r="C53" s="162">
        <v>0.26600000000000001</v>
      </c>
      <c r="D53" s="94">
        <v>4.9809369921885963E-2</v>
      </c>
      <c r="E53" s="162">
        <v>0.22600000000000001</v>
      </c>
      <c r="F53" s="94">
        <v>4.7233457205122766E-2</v>
      </c>
      <c r="G53" s="162">
        <v>0.47199999999999998</v>
      </c>
      <c r="H53" s="94">
        <v>5.6079670755476041E-2</v>
      </c>
      <c r="I53" s="93">
        <v>3.5999999999999997E-2</v>
      </c>
      <c r="J53" s="94">
        <v>2.2495161150150891E-2</v>
      </c>
      <c r="K53" s="158">
        <v>312</v>
      </c>
      <c r="L53" s="162">
        <v>0.16800000000000001</v>
      </c>
      <c r="M53" s="94">
        <v>4.2478411455140724E-2</v>
      </c>
      <c r="N53" s="162">
        <v>0.127</v>
      </c>
      <c r="O53" s="94">
        <v>3.8049095603451891E-2</v>
      </c>
      <c r="P53" s="162">
        <v>0.65900000000000003</v>
      </c>
      <c r="Q53" s="94">
        <v>5.3409686520510105E-2</v>
      </c>
      <c r="R53" s="93">
        <v>4.7E-2</v>
      </c>
      <c r="S53" s="94">
        <v>2.5145974781346957E-2</v>
      </c>
    </row>
    <row r="54" spans="1:19">
      <c r="A54" s="49" t="s">
        <v>445</v>
      </c>
      <c r="B54" s="160">
        <v>101</v>
      </c>
      <c r="C54" s="163">
        <v>0.26300000000000001</v>
      </c>
      <c r="D54" s="97">
        <v>8.6855989788264601E-2</v>
      </c>
      <c r="E54" s="163">
        <v>0.30399999999999999</v>
      </c>
      <c r="F54" s="97">
        <v>9.0386510207625725E-2</v>
      </c>
      <c r="G54" s="163">
        <v>0.379</v>
      </c>
      <c r="H54" s="97">
        <v>9.4909130887372212E-2</v>
      </c>
      <c r="I54" s="96">
        <v>5.3999999999999999E-2</v>
      </c>
      <c r="J54" s="97">
        <v>5.0123971446319499E-2</v>
      </c>
      <c r="K54" s="160">
        <v>101</v>
      </c>
      <c r="L54" s="163">
        <v>0.13100000000000001</v>
      </c>
      <c r="M54" s="97">
        <v>6.8734289817352592E-2</v>
      </c>
      <c r="N54" s="163">
        <v>0.13500000000000001</v>
      </c>
      <c r="O54" s="97">
        <v>6.9483025343802837E-2</v>
      </c>
      <c r="P54" s="163">
        <v>0.67900000000000005</v>
      </c>
      <c r="Q54" s="97">
        <v>9.1621107910513866E-2</v>
      </c>
      <c r="R54" s="96">
        <v>5.5E-2</v>
      </c>
      <c r="S54" s="97">
        <v>5.0436281660334044E-2</v>
      </c>
    </row>
    <row r="55" spans="1:19">
      <c r="A55" s="57" t="s">
        <v>446</v>
      </c>
      <c r="B55" s="158">
        <v>123</v>
      </c>
      <c r="C55" s="162">
        <v>0.26700000000000002</v>
      </c>
      <c r="D55" s="94">
        <v>7.9184211567919618E-2</v>
      </c>
      <c r="E55" s="162">
        <v>0.19</v>
      </c>
      <c r="F55" s="94">
        <v>7.0957059636996722E-2</v>
      </c>
      <c r="G55" s="162">
        <v>0.51300000000000001</v>
      </c>
      <c r="H55" s="94">
        <v>8.8707513378483843E-2</v>
      </c>
      <c r="I55" s="93">
        <v>0.03</v>
      </c>
      <c r="J55" s="94">
        <v>3.6713758665215819E-2</v>
      </c>
      <c r="K55" s="158">
        <v>122</v>
      </c>
      <c r="L55" s="162">
        <v>0.158</v>
      </c>
      <c r="M55" s="94">
        <v>6.6748618239848664E-2</v>
      </c>
      <c r="N55" s="162">
        <v>9.4E-2</v>
      </c>
      <c r="O55" s="94">
        <v>5.5050814713919316E-2</v>
      </c>
      <c r="P55" s="162">
        <v>0.71699999999999997</v>
      </c>
      <c r="Q55" s="94">
        <v>8.0839508058251686E-2</v>
      </c>
      <c r="R55" s="93">
        <v>3.1E-2</v>
      </c>
      <c r="S55" s="94">
        <v>3.72818943100676E-2</v>
      </c>
    </row>
    <row r="56" spans="1:19">
      <c r="A56" s="49" t="s">
        <v>447</v>
      </c>
      <c r="B56" s="160">
        <v>89</v>
      </c>
      <c r="C56" s="163">
        <v>0.26900000000000002</v>
      </c>
      <c r="D56" s="97">
        <v>9.3009533494161689E-2</v>
      </c>
      <c r="E56" s="163">
        <v>0.19</v>
      </c>
      <c r="F56" s="97">
        <v>8.3470138601968183E-2</v>
      </c>
      <c r="G56" s="163">
        <v>0.51800000000000002</v>
      </c>
      <c r="H56" s="97">
        <v>0.10363361259685443</v>
      </c>
      <c r="I56" s="96">
        <v>2.3E-2</v>
      </c>
      <c r="J56" s="97">
        <v>4.2310920599670877E-2</v>
      </c>
      <c r="K56" s="160">
        <v>89</v>
      </c>
      <c r="L56" s="163">
        <v>0.221</v>
      </c>
      <c r="M56" s="97">
        <v>8.767265607734212E-2</v>
      </c>
      <c r="N56" s="163">
        <v>0.16300000000000001</v>
      </c>
      <c r="O56" s="97">
        <v>7.9241099966083348E-2</v>
      </c>
      <c r="P56" s="163">
        <v>0.55600000000000005</v>
      </c>
      <c r="Q56" s="97">
        <v>0.10309781597689666</v>
      </c>
      <c r="R56" s="96">
        <v>0.06</v>
      </c>
      <c r="S56" s="97">
        <v>5.5916842247251845E-2</v>
      </c>
    </row>
    <row r="57" spans="1:19">
      <c r="A57" s="57" t="s">
        <v>453</v>
      </c>
      <c r="B57" s="158">
        <v>83</v>
      </c>
      <c r="C57" s="162">
        <v>0.23300000000000001</v>
      </c>
      <c r="D57" s="94">
        <v>9.2255420936643628E-2</v>
      </c>
      <c r="E57" s="162">
        <v>0.19900000000000001</v>
      </c>
      <c r="F57" s="94">
        <v>8.776630576178826E-2</v>
      </c>
      <c r="G57" s="162">
        <v>0.53500000000000003</v>
      </c>
      <c r="H57" s="94">
        <v>0.10697191685785813</v>
      </c>
      <c r="I57" s="93">
        <v>3.3000000000000002E-2</v>
      </c>
      <c r="J57" s="94">
        <v>4.8662169084879546E-2</v>
      </c>
      <c r="K57" s="158">
        <v>83</v>
      </c>
      <c r="L57" s="162">
        <v>0.188</v>
      </c>
      <c r="M57" s="94">
        <v>8.6143798073054972E-2</v>
      </c>
      <c r="N57" s="162">
        <v>0.14299999999999999</v>
      </c>
      <c r="O57" s="94">
        <v>7.8491828602250208E-2</v>
      </c>
      <c r="P57" s="162">
        <v>0.57199999999999995</v>
      </c>
      <c r="Q57" s="94">
        <v>0.10619473140432413</v>
      </c>
      <c r="R57" s="93">
        <v>9.7000000000000003E-2</v>
      </c>
      <c r="S57" s="94">
        <v>6.8542074292326782E-2</v>
      </c>
    </row>
    <row r="58" spans="1:19">
      <c r="A58" s="49" t="s">
        <v>459</v>
      </c>
      <c r="B58" s="160">
        <v>37</v>
      </c>
      <c r="C58" s="163">
        <v>0.122</v>
      </c>
      <c r="D58" s="97">
        <v>0.11418248740020008</v>
      </c>
      <c r="E58" s="163">
        <v>0.28799999999999998</v>
      </c>
      <c r="F58" s="97">
        <v>0.14428893016153213</v>
      </c>
      <c r="G58" s="163">
        <v>0.54500000000000004</v>
      </c>
      <c r="H58" s="97">
        <v>0.15565780094832368</v>
      </c>
      <c r="I58" s="96">
        <v>4.4999999999999998E-2</v>
      </c>
      <c r="J58" s="97">
        <v>8.9114685328623905E-2</v>
      </c>
      <c r="K58" s="160">
        <v>38</v>
      </c>
      <c r="L58" s="163">
        <v>0.246</v>
      </c>
      <c r="M58" s="97">
        <v>0.13703930015612306</v>
      </c>
      <c r="N58" s="163">
        <v>0.24</v>
      </c>
      <c r="O58" s="97">
        <v>0.13615923400431984</v>
      </c>
      <c r="P58" s="163">
        <v>0.47</v>
      </c>
      <c r="Q58" s="97">
        <v>0.15407582094729558</v>
      </c>
      <c r="R58" s="96">
        <v>4.3999999999999997E-2</v>
      </c>
      <c r="S58" s="97">
        <v>8.7169684729612618E-2</v>
      </c>
    </row>
    <row r="61" spans="1:19" ht="18.75">
      <c r="A61" s="322" t="s">
        <v>262</v>
      </c>
      <c r="B61" s="322"/>
      <c r="C61" s="322"/>
      <c r="D61" s="322"/>
      <c r="E61" s="322"/>
      <c r="F61" s="322"/>
      <c r="G61" s="322"/>
      <c r="H61" s="322"/>
      <c r="I61" s="322"/>
      <c r="J61" s="322"/>
      <c r="K61" s="322"/>
      <c r="L61" s="322"/>
    </row>
    <row r="62" spans="1:19" ht="69" customHeight="1">
      <c r="A62" s="369" t="s">
        <v>377</v>
      </c>
      <c r="B62" s="369"/>
      <c r="C62" s="369"/>
      <c r="D62" s="369"/>
      <c r="E62" s="369"/>
      <c r="F62" s="369"/>
      <c r="G62" s="369"/>
      <c r="H62" s="369"/>
      <c r="I62" s="369"/>
      <c r="J62" s="369"/>
      <c r="K62" s="369"/>
      <c r="L62" s="369"/>
    </row>
    <row r="63" spans="1:19" ht="46.5" customHeight="1">
      <c r="A63" s="367" t="s">
        <v>263</v>
      </c>
      <c r="B63" s="368"/>
      <c r="C63" s="368"/>
      <c r="D63" s="368"/>
      <c r="E63" s="368"/>
      <c r="F63" s="368"/>
      <c r="G63" s="368"/>
      <c r="H63" s="368"/>
      <c r="I63" s="368"/>
      <c r="J63" s="368"/>
      <c r="K63" s="368"/>
      <c r="L63" s="368"/>
    </row>
    <row r="64" spans="1:19" ht="72">
      <c r="A64" s="37" t="s">
        <v>85</v>
      </c>
      <c r="B64" s="38" t="s">
        <v>86</v>
      </c>
      <c r="C64" s="39" t="s">
        <v>87</v>
      </c>
      <c r="D64" s="40" t="s">
        <v>88</v>
      </c>
      <c r="E64" s="38" t="s">
        <v>178</v>
      </c>
      <c r="F64" s="89" t="s">
        <v>101</v>
      </c>
      <c r="G64" s="38" t="s">
        <v>179</v>
      </c>
      <c r="H64" s="89" t="s">
        <v>102</v>
      </c>
      <c r="I64" s="38" t="s">
        <v>180</v>
      </c>
      <c r="J64" s="89" t="s">
        <v>103</v>
      </c>
      <c r="K64" s="38" t="s">
        <v>356</v>
      </c>
      <c r="L64" s="89" t="s">
        <v>355</v>
      </c>
    </row>
    <row r="65" spans="1:12" ht="84">
      <c r="A65" s="41"/>
      <c r="B65" s="42" t="s">
        <v>89</v>
      </c>
      <c r="C65" s="128" t="s">
        <v>360</v>
      </c>
      <c r="D65" s="44" t="s">
        <v>91</v>
      </c>
      <c r="E65" s="42" t="s">
        <v>181</v>
      </c>
      <c r="F65" s="91" t="s">
        <v>145</v>
      </c>
      <c r="G65" s="42" t="s">
        <v>182</v>
      </c>
      <c r="H65" s="91" t="s">
        <v>146</v>
      </c>
      <c r="I65" s="42" t="s">
        <v>183</v>
      </c>
      <c r="J65" s="91" t="s">
        <v>147</v>
      </c>
      <c r="K65" s="42" t="s">
        <v>356</v>
      </c>
      <c r="L65" s="91" t="s">
        <v>104</v>
      </c>
    </row>
    <row r="66" spans="1:12">
      <c r="A66" s="45" t="s">
        <v>434</v>
      </c>
      <c r="B66" s="158">
        <v>9321</v>
      </c>
      <c r="C66" s="159">
        <v>3.68</v>
      </c>
      <c r="D66" s="86">
        <v>3.9199999999999999E-2</v>
      </c>
      <c r="E66" s="162">
        <v>0.47899999999999998</v>
      </c>
      <c r="F66" s="94">
        <v>1.034647762536532E-2</v>
      </c>
      <c r="G66" s="162">
        <v>0.156</v>
      </c>
      <c r="H66" s="94">
        <v>7.5180711612020104E-3</v>
      </c>
      <c r="I66" s="162">
        <v>0.33800000000000002</v>
      </c>
      <c r="J66" s="94">
        <v>9.7974885468451196E-3</v>
      </c>
      <c r="K66" s="93">
        <v>2.7E-2</v>
      </c>
      <c r="L66" s="94">
        <v>3.3691804826515991E-3</v>
      </c>
    </row>
    <row r="67" spans="1:12">
      <c r="A67" s="49" t="s">
        <v>435</v>
      </c>
      <c r="B67" s="49">
        <v>8681</v>
      </c>
      <c r="C67" s="161">
        <v>3.67</v>
      </c>
      <c r="D67" s="87">
        <v>3.9199999999999999E-2</v>
      </c>
      <c r="E67" s="163">
        <v>0.47599999999999998</v>
      </c>
      <c r="F67" s="97">
        <v>1.0718022537515422E-2</v>
      </c>
      <c r="G67" s="163">
        <v>0.161</v>
      </c>
      <c r="H67" s="97">
        <v>7.890582556962648E-3</v>
      </c>
      <c r="I67" s="163">
        <v>0.33600000000000002</v>
      </c>
      <c r="J67" s="97">
        <v>1.0137313302674035E-2</v>
      </c>
      <c r="K67" s="96">
        <v>2.5999999999999999E-2</v>
      </c>
      <c r="L67" s="97">
        <v>3.4290847017341246E-3</v>
      </c>
    </row>
    <row r="68" spans="1:12">
      <c r="A68" s="45" t="s">
        <v>436</v>
      </c>
      <c r="B68" s="53">
        <v>835</v>
      </c>
      <c r="C68" s="159">
        <v>3.18</v>
      </c>
      <c r="D68" s="86">
        <v>0.13720000000000002</v>
      </c>
      <c r="E68" s="162">
        <v>0.58130000000000004</v>
      </c>
      <c r="F68" s="94">
        <v>3.4068792791810305E-2</v>
      </c>
      <c r="G68" s="162">
        <v>0.17349999999999999</v>
      </c>
      <c r="H68" s="94">
        <v>2.6239185552017152E-2</v>
      </c>
      <c r="I68" s="162">
        <v>0.22140000000000001</v>
      </c>
      <c r="J68" s="94">
        <v>2.8729171902674194E-2</v>
      </c>
      <c r="K68" s="93">
        <v>2.3900000000000001E-2</v>
      </c>
      <c r="L68" s="94">
        <v>1.1022781537237283E-2</v>
      </c>
    </row>
    <row r="69" spans="1:12">
      <c r="A69" s="49" t="s">
        <v>437</v>
      </c>
      <c r="B69" s="49">
        <v>2536</v>
      </c>
      <c r="C69" s="161">
        <v>3.77</v>
      </c>
      <c r="D69" s="87">
        <v>7.8399999999999997E-2</v>
      </c>
      <c r="E69" s="163">
        <v>0.45</v>
      </c>
      <c r="F69" s="97">
        <v>1.9742749803119117E-2</v>
      </c>
      <c r="G69" s="163">
        <v>0.17399999999999999</v>
      </c>
      <c r="H69" s="97">
        <v>1.5061995977468339E-2</v>
      </c>
      <c r="I69" s="163">
        <v>0.34599999999999997</v>
      </c>
      <c r="J69" s="97">
        <v>1.8880420940155747E-2</v>
      </c>
      <c r="K69" s="96">
        <v>0.03</v>
      </c>
      <c r="L69" s="97">
        <v>6.849932489856464E-3</v>
      </c>
    </row>
    <row r="70" spans="1:12">
      <c r="A70" s="45" t="s">
        <v>438</v>
      </c>
      <c r="B70" s="53">
        <v>2471</v>
      </c>
      <c r="C70" s="159">
        <v>3.77</v>
      </c>
      <c r="D70" s="86">
        <v>7.8399999999999997E-2</v>
      </c>
      <c r="E70" s="162">
        <v>0.44900000000000001</v>
      </c>
      <c r="F70" s="94">
        <v>1.9996258255194615E-2</v>
      </c>
      <c r="G70" s="162">
        <v>0.17699999999999999</v>
      </c>
      <c r="H70" s="94">
        <v>1.5361394746514536E-2</v>
      </c>
      <c r="I70" s="162">
        <v>0.34300000000000003</v>
      </c>
      <c r="J70" s="94">
        <v>1.908749060564335E-2</v>
      </c>
      <c r="K70" s="93">
        <v>3.1E-2</v>
      </c>
      <c r="L70" s="94">
        <v>7.0495401975861722E-3</v>
      </c>
    </row>
    <row r="71" spans="1:12">
      <c r="A71" s="49" t="s">
        <v>449</v>
      </c>
      <c r="B71" s="49">
        <v>286</v>
      </c>
      <c r="C71" s="161">
        <v>3.54</v>
      </c>
      <c r="D71" s="87">
        <v>0.23519999999999999</v>
      </c>
      <c r="E71" s="163">
        <v>0.45800000000000002</v>
      </c>
      <c r="F71" s="97">
        <v>5.8520179421848818E-2</v>
      </c>
      <c r="G71" s="163">
        <v>0.23</v>
      </c>
      <c r="H71" s="97">
        <v>4.9702170254347325E-2</v>
      </c>
      <c r="I71" s="163">
        <v>0.28699999999999998</v>
      </c>
      <c r="J71" s="97">
        <v>5.3288276148915917E-2</v>
      </c>
      <c r="K71" s="96">
        <v>2.4E-2</v>
      </c>
      <c r="L71" s="97">
        <v>2.0216506194673172E-2</v>
      </c>
    </row>
    <row r="72" spans="1:12">
      <c r="A72" s="45" t="s">
        <v>439</v>
      </c>
      <c r="B72" s="53">
        <v>145</v>
      </c>
      <c r="C72" s="159">
        <v>3.55</v>
      </c>
      <c r="D72" s="86">
        <v>0.31359999999999999</v>
      </c>
      <c r="E72" s="162">
        <v>0.46500000000000002</v>
      </c>
      <c r="F72" s="94">
        <v>8.173289102727814E-2</v>
      </c>
      <c r="G72" s="162">
        <v>0.24</v>
      </c>
      <c r="H72" s="94">
        <v>7.0659560342456532E-2</v>
      </c>
      <c r="I72" s="162">
        <v>0.27900000000000003</v>
      </c>
      <c r="J72" s="94">
        <v>7.3957385958809338E-2</v>
      </c>
      <c r="K72" s="93">
        <v>1.4999999999999999E-2</v>
      </c>
      <c r="L72" s="94">
        <v>2.7039621093619327E-2</v>
      </c>
    </row>
    <row r="73" spans="1:12" ht="25.5">
      <c r="A73" s="49" t="s">
        <v>440</v>
      </c>
      <c r="B73" s="49">
        <v>93</v>
      </c>
      <c r="C73" s="161">
        <v>3.4</v>
      </c>
      <c r="D73" s="87">
        <v>0.41159999999999997</v>
      </c>
      <c r="E73" s="163">
        <v>0.434</v>
      </c>
      <c r="F73" s="97">
        <v>0.10071821472588137</v>
      </c>
      <c r="G73" s="163">
        <v>0.28299999999999997</v>
      </c>
      <c r="H73" s="97">
        <v>9.2327198089019735E-2</v>
      </c>
      <c r="I73" s="163">
        <v>0.22900000000000001</v>
      </c>
      <c r="J73" s="97">
        <v>8.6749099833196744E-2</v>
      </c>
      <c r="K73" s="96">
        <v>5.3999999999999999E-2</v>
      </c>
      <c r="L73" s="97">
        <v>5.2622439154031447E-2</v>
      </c>
    </row>
    <row r="74" spans="1:12">
      <c r="A74" s="45" t="s">
        <v>475</v>
      </c>
      <c r="B74" s="53">
        <v>256</v>
      </c>
      <c r="C74" s="159">
        <v>3.84</v>
      </c>
      <c r="D74" s="86">
        <v>0.25480000000000003</v>
      </c>
      <c r="E74" s="162">
        <v>0.46600000000000003</v>
      </c>
      <c r="F74" s="94">
        <v>6.187820488934468E-2</v>
      </c>
      <c r="G74" s="162">
        <v>0.121</v>
      </c>
      <c r="H74" s="94">
        <v>4.1276688374749286E-2</v>
      </c>
      <c r="I74" s="162">
        <v>0.374</v>
      </c>
      <c r="J74" s="94">
        <v>6.0077992217111638E-2</v>
      </c>
      <c r="K74" s="93">
        <v>3.7999999999999999E-2</v>
      </c>
      <c r="L74" s="94">
        <v>2.5742209696069475E-2</v>
      </c>
    </row>
    <row r="75" spans="1:12">
      <c r="A75" s="49" t="s">
        <v>441</v>
      </c>
      <c r="B75" s="49">
        <v>82</v>
      </c>
      <c r="C75" s="161">
        <v>4.32</v>
      </c>
      <c r="D75" s="87">
        <v>0.47039999999999998</v>
      </c>
      <c r="E75" s="163">
        <v>0.39500000000000002</v>
      </c>
      <c r="F75" s="97">
        <v>0.10564898675819705</v>
      </c>
      <c r="G75" s="163">
        <v>9.8000000000000004E-2</v>
      </c>
      <c r="H75" s="97">
        <v>6.9241514366809045E-2</v>
      </c>
      <c r="I75" s="163">
        <v>0.50600000000000001</v>
      </c>
      <c r="J75" s="97">
        <v>0.10782571444552162</v>
      </c>
      <c r="K75" s="96">
        <v>0</v>
      </c>
      <c r="L75" s="97">
        <v>3.2504011252172456E-2</v>
      </c>
    </row>
    <row r="76" spans="1:12" ht="25.5">
      <c r="A76" s="45" t="s">
        <v>442</v>
      </c>
      <c r="B76" s="158">
        <v>105</v>
      </c>
      <c r="C76" s="159">
        <v>3.68</v>
      </c>
      <c r="D76" s="86">
        <v>0.41159999999999997</v>
      </c>
      <c r="E76" s="162">
        <v>0.44</v>
      </c>
      <c r="F76" s="94">
        <v>9.5140528048308678E-2</v>
      </c>
      <c r="G76" s="162">
        <v>0.158</v>
      </c>
      <c r="H76" s="94">
        <v>7.2050695645686696E-2</v>
      </c>
      <c r="I76" s="162">
        <v>0.34699999999999998</v>
      </c>
      <c r="J76" s="94">
        <v>9.1526818073000088E-2</v>
      </c>
      <c r="K76" s="93">
        <v>5.5E-2</v>
      </c>
      <c r="L76" s="94">
        <v>4.930424812449264E-2</v>
      </c>
    </row>
    <row r="77" spans="1:12">
      <c r="A77" s="49" t="s">
        <v>462</v>
      </c>
      <c r="B77" s="160">
        <v>69</v>
      </c>
      <c r="C77" s="161">
        <v>3.49</v>
      </c>
      <c r="D77" s="87">
        <v>0.43119999999999997</v>
      </c>
      <c r="E77" s="163">
        <v>0.56699999999999995</v>
      </c>
      <c r="F77" s="97">
        <v>0.11609855691636614</v>
      </c>
      <c r="G77" s="163">
        <v>0.106</v>
      </c>
      <c r="H77" s="97">
        <v>7.8097262045958793E-2</v>
      </c>
      <c r="I77" s="163">
        <v>0.26800000000000002</v>
      </c>
      <c r="J77" s="97">
        <v>0.10518422644527579</v>
      </c>
      <c r="K77" s="96">
        <v>0.06</v>
      </c>
      <c r="L77" s="97">
        <v>6.4970031478138818E-2</v>
      </c>
    </row>
    <row r="78" spans="1:12">
      <c r="A78" s="45" t="s">
        <v>450</v>
      </c>
      <c r="B78" s="83">
        <v>262</v>
      </c>
      <c r="C78" s="159">
        <v>3.8</v>
      </c>
      <c r="D78" s="86">
        <v>0.23519999999999999</v>
      </c>
      <c r="E78" s="162">
        <v>0.40200000000000002</v>
      </c>
      <c r="F78" s="94">
        <v>6.0160520909412776E-2</v>
      </c>
      <c r="G78" s="162">
        <v>0.26300000000000001</v>
      </c>
      <c r="H78" s="94">
        <v>5.4221432904050564E-2</v>
      </c>
      <c r="I78" s="162">
        <v>0.29599999999999999</v>
      </c>
      <c r="J78" s="94">
        <v>5.6145112526180499E-2</v>
      </c>
      <c r="K78" s="93">
        <v>3.9E-2</v>
      </c>
      <c r="L78" s="94">
        <v>2.5670717588952133E-2</v>
      </c>
    </row>
    <row r="79" spans="1:12">
      <c r="A79" s="49" t="s">
        <v>443</v>
      </c>
      <c r="B79" s="160">
        <v>124</v>
      </c>
      <c r="C79" s="161">
        <v>3.89</v>
      </c>
      <c r="D79" s="87">
        <v>0.3332</v>
      </c>
      <c r="E79" s="163">
        <v>0.39</v>
      </c>
      <c r="F79" s="97">
        <v>8.6357620102714083E-2</v>
      </c>
      <c r="G79" s="163">
        <v>0.191</v>
      </c>
      <c r="H79" s="97">
        <v>7.079753688687232E-2</v>
      </c>
      <c r="I79" s="163">
        <v>0.33600000000000002</v>
      </c>
      <c r="J79" s="97">
        <v>8.3807579903125401E-2</v>
      </c>
      <c r="K79" s="96">
        <v>8.3000000000000004E-2</v>
      </c>
      <c r="L79" s="97">
        <v>5.2084441361911732E-2</v>
      </c>
    </row>
    <row r="80" spans="1:12">
      <c r="A80" s="57" t="s">
        <v>444</v>
      </c>
      <c r="B80" s="158">
        <v>138</v>
      </c>
      <c r="C80" s="159">
        <v>3.77</v>
      </c>
      <c r="D80" s="86">
        <v>0.31359999999999999</v>
      </c>
      <c r="E80" s="162">
        <v>0.40799999999999997</v>
      </c>
      <c r="F80" s="94">
        <v>8.2565574271139794E-2</v>
      </c>
      <c r="G80" s="162">
        <v>0.29799999999999999</v>
      </c>
      <c r="H80" s="94">
        <v>7.717958556593045E-2</v>
      </c>
      <c r="I80" s="162">
        <v>0.27600000000000002</v>
      </c>
      <c r="J80" s="94">
        <v>7.5547019698462059E-2</v>
      </c>
      <c r="K80" s="93">
        <v>1.7999999999999999E-2</v>
      </c>
      <c r="L80" s="94">
        <v>2.9349918303146493E-2</v>
      </c>
    </row>
    <row r="81" spans="1:26">
      <c r="A81" s="49" t="s">
        <v>451</v>
      </c>
      <c r="B81" s="160">
        <v>80</v>
      </c>
      <c r="C81" s="161">
        <v>3.49</v>
      </c>
      <c r="D81" s="87">
        <v>0.41159999999999997</v>
      </c>
      <c r="E81" s="163">
        <v>0.55600000000000005</v>
      </c>
      <c r="F81" s="97">
        <v>0.10848646076498288</v>
      </c>
      <c r="G81" s="163">
        <v>9.9000000000000005E-2</v>
      </c>
      <c r="H81" s="97">
        <v>7.0423464986387241E-2</v>
      </c>
      <c r="I81" s="163">
        <v>0.3</v>
      </c>
      <c r="J81" s="97">
        <v>0.10088154790495114</v>
      </c>
      <c r="K81" s="96">
        <v>4.4999999999999998E-2</v>
      </c>
      <c r="L81" s="97">
        <v>5.4433105395181737E-2</v>
      </c>
    </row>
    <row r="82" spans="1:26">
      <c r="A82" s="57" t="s">
        <v>452</v>
      </c>
      <c r="B82" s="158">
        <v>308</v>
      </c>
      <c r="C82" s="159">
        <v>3.74</v>
      </c>
      <c r="D82" s="86">
        <v>0.21559999999999999</v>
      </c>
      <c r="E82" s="162">
        <v>0.46300000000000002</v>
      </c>
      <c r="F82" s="94">
        <v>5.646259001430879E-2</v>
      </c>
      <c r="G82" s="162">
        <v>0.16800000000000001</v>
      </c>
      <c r="H82" s="94">
        <v>4.2755137550340452E-2</v>
      </c>
      <c r="I82" s="162">
        <v>0.32300000000000001</v>
      </c>
      <c r="J82" s="94">
        <v>5.3044388557956658E-2</v>
      </c>
      <c r="K82" s="93">
        <v>4.5999999999999999E-2</v>
      </c>
      <c r="L82" s="94">
        <v>2.5098561423564897E-2</v>
      </c>
    </row>
    <row r="83" spans="1:26">
      <c r="A83" s="49" t="s">
        <v>445</v>
      </c>
      <c r="B83" s="160">
        <v>100</v>
      </c>
      <c r="C83" s="161">
        <v>3.43</v>
      </c>
      <c r="D83" s="87">
        <v>0.37240000000000001</v>
      </c>
      <c r="E83" s="163">
        <v>0.54</v>
      </c>
      <c r="F83" s="97">
        <v>9.7767524508037315E-2</v>
      </c>
      <c r="G83" s="163">
        <v>0.17100000000000001</v>
      </c>
      <c r="H83" s="97">
        <v>7.5936489390994857E-2</v>
      </c>
      <c r="I83" s="163">
        <v>0.26100000000000001</v>
      </c>
      <c r="J83" s="97">
        <v>8.7087141273777979E-2</v>
      </c>
      <c r="K83" s="96">
        <v>2.9000000000000001E-2</v>
      </c>
      <c r="L83" s="97">
        <v>4.155419313653002E-2</v>
      </c>
    </row>
    <row r="84" spans="1:26">
      <c r="A84" s="57" t="s">
        <v>446</v>
      </c>
      <c r="B84" s="158">
        <v>121</v>
      </c>
      <c r="C84" s="159">
        <v>4.1399999999999997</v>
      </c>
      <c r="D84" s="86">
        <v>0.3528</v>
      </c>
      <c r="E84" s="162">
        <v>0.35099999999999998</v>
      </c>
      <c r="F84" s="94">
        <v>8.5640575462989504E-2</v>
      </c>
      <c r="G84" s="162">
        <v>0.17699999999999999</v>
      </c>
      <c r="H84" s="94">
        <v>6.9797701533273998E-2</v>
      </c>
      <c r="I84" s="162">
        <v>0.42699999999999999</v>
      </c>
      <c r="J84" s="94">
        <v>8.8544966945208123E-2</v>
      </c>
      <c r="K84" s="93">
        <v>4.4999999999999998E-2</v>
      </c>
      <c r="L84" s="94">
        <v>4.2336785480241647E-2</v>
      </c>
    </row>
    <row r="85" spans="1:26">
      <c r="A85" s="49" t="s">
        <v>447</v>
      </c>
      <c r="B85" s="160">
        <v>87</v>
      </c>
      <c r="C85" s="161">
        <v>3.54</v>
      </c>
      <c r="D85" s="87">
        <v>0.43119999999999997</v>
      </c>
      <c r="E85" s="163">
        <v>0.53100000000000003</v>
      </c>
      <c r="F85" s="97">
        <v>0.10464416455399919</v>
      </c>
      <c r="G85" s="163">
        <v>0.152</v>
      </c>
      <c r="H85" s="97">
        <v>7.8252484105571146E-2</v>
      </c>
      <c r="I85" s="163">
        <v>0.25</v>
      </c>
      <c r="J85" s="97">
        <v>9.2075875813921057E-2</v>
      </c>
      <c r="K85" s="96">
        <v>6.7000000000000004E-2</v>
      </c>
      <c r="L85" s="97">
        <v>5.8790481257073458E-2</v>
      </c>
    </row>
    <row r="86" spans="1:26">
      <c r="A86" s="57" t="s">
        <v>453</v>
      </c>
      <c r="B86" s="158">
        <v>82</v>
      </c>
      <c r="C86" s="159">
        <v>3.6</v>
      </c>
      <c r="D86" s="86">
        <v>0.45080000000000003</v>
      </c>
      <c r="E86" s="162">
        <v>0.51200000000000001</v>
      </c>
      <c r="F86" s="94">
        <v>0.1078045353986377</v>
      </c>
      <c r="G86" s="162">
        <v>0.13600000000000001</v>
      </c>
      <c r="H86" s="94">
        <v>7.7622394433401451E-2</v>
      </c>
      <c r="I86" s="162">
        <v>0.35199999999999998</v>
      </c>
      <c r="J86" s="94">
        <v>0.10344894163171074</v>
      </c>
      <c r="K86" s="93">
        <v>0</v>
      </c>
      <c r="L86" s="94">
        <v>3.2504011252172456E-2</v>
      </c>
    </row>
    <row r="87" spans="1:26">
      <c r="A87" s="49" t="s">
        <v>459</v>
      </c>
      <c r="B87" s="160">
        <v>38</v>
      </c>
      <c r="C87" s="161">
        <v>3.47</v>
      </c>
      <c r="D87" s="87">
        <v>0.60760000000000003</v>
      </c>
      <c r="E87" s="163">
        <v>0.59399999999999997</v>
      </c>
      <c r="F87" s="97">
        <v>0.15205478414181015</v>
      </c>
      <c r="G87" s="163">
        <v>7.5999999999999998E-2</v>
      </c>
      <c r="H87" s="97">
        <v>9.8964364102801641E-2</v>
      </c>
      <c r="I87" s="163">
        <v>0.29599999999999999</v>
      </c>
      <c r="J87" s="97">
        <v>0.14340531562011555</v>
      </c>
      <c r="K87" s="96">
        <v>3.4000000000000002E-2</v>
      </c>
      <c r="L87" s="97">
        <v>8.2944260506282314E-2</v>
      </c>
    </row>
    <row r="90" spans="1:26" ht="18.75">
      <c r="A90" s="322" t="s">
        <v>44</v>
      </c>
      <c r="B90" s="322"/>
      <c r="C90" s="322"/>
      <c r="D90" s="322"/>
      <c r="E90" s="322"/>
      <c r="F90" s="322"/>
      <c r="G90" s="322"/>
      <c r="H90" s="322"/>
      <c r="I90" s="322"/>
      <c r="J90" s="322"/>
      <c r="K90" s="322"/>
      <c r="L90" s="322"/>
    </row>
    <row r="91" spans="1:26" ht="80.25" customHeight="1">
      <c r="A91" s="382" t="s">
        <v>378</v>
      </c>
      <c r="B91" s="382"/>
      <c r="C91" s="382"/>
      <c r="D91" s="382"/>
      <c r="E91" s="382"/>
      <c r="F91" s="382"/>
      <c r="G91" s="382"/>
      <c r="H91" s="382"/>
      <c r="I91" s="382"/>
      <c r="J91" s="382"/>
      <c r="K91" s="382"/>
      <c r="L91" s="382"/>
    </row>
    <row r="92" spans="1:26" ht="50.25" customHeight="1">
      <c r="A92" s="367" t="s">
        <v>316</v>
      </c>
      <c r="B92" s="368"/>
      <c r="C92" s="368"/>
      <c r="D92" s="368"/>
      <c r="E92" s="368"/>
      <c r="F92" s="368"/>
      <c r="G92" s="368"/>
      <c r="H92" s="368"/>
      <c r="I92" s="368"/>
      <c r="J92" s="368"/>
      <c r="K92" s="368"/>
      <c r="L92" s="368"/>
      <c r="N92" s="249"/>
      <c r="O92" s="249"/>
      <c r="P92" s="249"/>
      <c r="Q92" s="249"/>
      <c r="R92" s="249"/>
      <c r="S92" s="249"/>
      <c r="T92" s="249"/>
      <c r="U92" s="249"/>
      <c r="V92" s="249"/>
      <c r="W92" s="249"/>
      <c r="X92" s="249"/>
    </row>
    <row r="93" spans="1:26" ht="38.25" customHeight="1">
      <c r="A93" s="37" t="s">
        <v>85</v>
      </c>
      <c r="B93" s="38" t="s">
        <v>86</v>
      </c>
      <c r="C93" s="39" t="s">
        <v>87</v>
      </c>
      <c r="D93" s="40" t="s">
        <v>88</v>
      </c>
      <c r="E93" s="38" t="s">
        <v>426</v>
      </c>
      <c r="F93" s="40" t="s">
        <v>427</v>
      </c>
      <c r="G93" s="38" t="s">
        <v>422</v>
      </c>
      <c r="H93" s="40" t="s">
        <v>424</v>
      </c>
      <c r="I93" s="38" t="s">
        <v>428</v>
      </c>
      <c r="J93" s="40" t="s">
        <v>429</v>
      </c>
      <c r="K93" s="38" t="s">
        <v>356</v>
      </c>
      <c r="L93" s="89" t="s">
        <v>370</v>
      </c>
      <c r="P93" s="249"/>
      <c r="Q93" s="249"/>
      <c r="R93" s="249"/>
      <c r="S93" s="249"/>
      <c r="T93" s="249"/>
      <c r="U93" s="249"/>
      <c r="V93" s="249"/>
      <c r="W93" s="249"/>
      <c r="X93" s="249"/>
      <c r="Y93" s="249"/>
      <c r="Z93" s="249"/>
    </row>
    <row r="94" spans="1:26" ht="72">
      <c r="A94" s="41"/>
      <c r="B94" s="42" t="s">
        <v>89</v>
      </c>
      <c r="C94" s="128" t="s">
        <v>358</v>
      </c>
      <c r="D94" s="44" t="s">
        <v>91</v>
      </c>
      <c r="E94" s="42" t="s">
        <v>421</v>
      </c>
      <c r="F94" s="44" t="s">
        <v>104</v>
      </c>
      <c r="G94" s="42" t="s">
        <v>423</v>
      </c>
      <c r="H94" s="44" t="s">
        <v>104</v>
      </c>
      <c r="I94" s="42" t="s">
        <v>181</v>
      </c>
      <c r="J94" s="44" t="s">
        <v>104</v>
      </c>
      <c r="K94" s="42" t="s">
        <v>356</v>
      </c>
      <c r="L94" s="91" t="s">
        <v>104</v>
      </c>
      <c r="P94" s="254"/>
      <c r="Q94" s="254"/>
      <c r="R94" s="254"/>
      <c r="S94" s="254"/>
      <c r="T94" s="254"/>
      <c r="U94" s="254"/>
      <c r="V94" s="254"/>
      <c r="W94" s="249"/>
      <c r="X94" s="249"/>
      <c r="Y94" s="249"/>
      <c r="Z94" s="249"/>
    </row>
    <row r="95" spans="1:26">
      <c r="A95" s="45" t="s">
        <v>434</v>
      </c>
      <c r="B95" s="164">
        <v>10767</v>
      </c>
      <c r="C95" s="159">
        <v>4.12</v>
      </c>
      <c r="D95" s="86">
        <v>3.9199999999999999E-2</v>
      </c>
      <c r="E95" s="167">
        <v>0.16</v>
      </c>
      <c r="F95" s="94">
        <v>7.0670842622171217E-3</v>
      </c>
      <c r="G95" s="166">
        <v>0.41200000000000003</v>
      </c>
      <c r="H95" s="94">
        <v>9.4851544785253435E-3</v>
      </c>
      <c r="I95" s="166">
        <v>0.27700000000000002</v>
      </c>
      <c r="J95" s="94">
        <v>8.6248401091277519E-3</v>
      </c>
      <c r="K95" s="93">
        <v>0.151</v>
      </c>
      <c r="L95" s="94">
        <v>6.9023575547351628E-3</v>
      </c>
    </row>
    <row r="96" spans="1:26">
      <c r="A96" s="49" t="s">
        <v>435</v>
      </c>
      <c r="B96" s="165">
        <v>8855</v>
      </c>
      <c r="C96" s="161">
        <v>4.12</v>
      </c>
      <c r="D96" s="87">
        <v>3.9199999999999999E-2</v>
      </c>
      <c r="E96" s="169">
        <v>0.14699999999999999</v>
      </c>
      <c r="F96" s="97">
        <v>7.5277565493569645E-3</v>
      </c>
      <c r="G96" s="168">
        <v>0.39500000000000002</v>
      </c>
      <c r="H96" s="97">
        <v>1.0387784331419975E-2</v>
      </c>
      <c r="I96" s="168">
        <v>0.26300000000000001</v>
      </c>
      <c r="J96" s="97">
        <v>9.3563415436554651E-3</v>
      </c>
      <c r="K96" s="96">
        <v>0.19500000000000001</v>
      </c>
      <c r="L96" s="97">
        <v>8.4211041658892351E-3</v>
      </c>
    </row>
    <row r="97" spans="1:12">
      <c r="A97" s="45" t="s">
        <v>436</v>
      </c>
      <c r="B97" s="164">
        <v>1801</v>
      </c>
      <c r="C97" s="159">
        <v>3.95</v>
      </c>
      <c r="D97" s="86">
        <v>7.8399999999999997E-2</v>
      </c>
      <c r="E97" s="167">
        <v>0.15820000000000001</v>
      </c>
      <c r="F97" s="94">
        <v>1.7212375894735885E-2</v>
      </c>
      <c r="G97" s="166">
        <v>0.42830000000000001</v>
      </c>
      <c r="H97" s="94">
        <v>2.3295375160059667E-2</v>
      </c>
      <c r="I97" s="166">
        <v>0.33699999999999997</v>
      </c>
      <c r="J97" s="94">
        <v>2.2257551956224617E-2</v>
      </c>
      <c r="K97" s="93">
        <v>7.6499999999999999E-2</v>
      </c>
      <c r="L97" s="94">
        <v>1.2582517196983715E-2</v>
      </c>
    </row>
    <row r="98" spans="1:12">
      <c r="A98" s="49" t="s">
        <v>437</v>
      </c>
      <c r="B98" s="165">
        <v>3009</v>
      </c>
      <c r="C98" s="161">
        <v>4.1500000000000004</v>
      </c>
      <c r="D98" s="87">
        <v>5.8799999999999998E-2</v>
      </c>
      <c r="E98" s="169">
        <v>0.17399999999999999</v>
      </c>
      <c r="F98" s="97">
        <v>1.3826769160162837E-2</v>
      </c>
      <c r="G98" s="168">
        <v>0.40400000000000003</v>
      </c>
      <c r="H98" s="97">
        <v>1.7879949767215589E-2</v>
      </c>
      <c r="I98" s="168">
        <v>0.28100000000000003</v>
      </c>
      <c r="J98" s="97">
        <v>1.6382673192832094E-2</v>
      </c>
      <c r="K98" s="96">
        <v>0.14199999999999999</v>
      </c>
      <c r="L98" s="97">
        <v>1.2735720098701123E-2</v>
      </c>
    </row>
    <row r="99" spans="1:12">
      <c r="A99" s="45" t="s">
        <v>438</v>
      </c>
      <c r="B99" s="164">
        <v>2486</v>
      </c>
      <c r="C99" s="159">
        <v>4.1500000000000004</v>
      </c>
      <c r="D99" s="86">
        <v>5.8799999999999998E-2</v>
      </c>
      <c r="E99" s="167">
        <v>0.15</v>
      </c>
      <c r="F99" s="94">
        <v>1.4333562611779095E-2</v>
      </c>
      <c r="G99" s="166">
        <v>0.40100000000000002</v>
      </c>
      <c r="H99" s="94">
        <v>1.96446530065972E-2</v>
      </c>
      <c r="I99" s="166">
        <v>0.252</v>
      </c>
      <c r="J99" s="94">
        <v>1.7410399168009211E-2</v>
      </c>
      <c r="K99" s="93">
        <v>0.19600000000000001</v>
      </c>
      <c r="L99" s="94">
        <v>1.5925563818908049E-2</v>
      </c>
    </row>
    <row r="100" spans="1:12">
      <c r="A100" s="49" t="s">
        <v>449</v>
      </c>
      <c r="B100" s="165">
        <v>293</v>
      </c>
      <c r="C100" s="161">
        <v>4.4000000000000004</v>
      </c>
      <c r="D100" s="87">
        <v>0.19600000000000001</v>
      </c>
      <c r="E100" s="169">
        <v>0.20699999999999999</v>
      </c>
      <c r="F100" s="97">
        <v>4.7346826793528064E-2</v>
      </c>
      <c r="G100" s="168">
        <v>0.373</v>
      </c>
      <c r="H100" s="97">
        <v>5.6174634579304404E-2</v>
      </c>
      <c r="I100" s="168">
        <v>0.21299999999999999</v>
      </c>
      <c r="J100" s="97">
        <v>4.7826109390809904E-2</v>
      </c>
      <c r="K100" s="96">
        <v>0.20499999999999999</v>
      </c>
      <c r="L100" s="97">
        <v>4.7183761760044116E-2</v>
      </c>
    </row>
    <row r="101" spans="1:12">
      <c r="A101" s="45" t="s">
        <v>439</v>
      </c>
      <c r="B101" s="164">
        <v>146</v>
      </c>
      <c r="C101" s="159">
        <v>4.1900000000000004</v>
      </c>
      <c r="D101" s="86">
        <v>0.27440000000000003</v>
      </c>
      <c r="E101" s="167">
        <v>0.156</v>
      </c>
      <c r="F101" s="94">
        <v>6.0639064040465721E-2</v>
      </c>
      <c r="G101" s="166">
        <v>0.375</v>
      </c>
      <c r="H101" s="94">
        <v>7.9195491828297437E-2</v>
      </c>
      <c r="I101" s="166">
        <v>0.21099999999999999</v>
      </c>
      <c r="J101" s="94">
        <v>6.7502900801318114E-2</v>
      </c>
      <c r="K101" s="93">
        <v>0.25800000000000001</v>
      </c>
      <c r="L101" s="94">
        <v>7.2021805554007459E-2</v>
      </c>
    </row>
    <row r="102" spans="1:12" ht="25.5">
      <c r="A102" s="49" t="s">
        <v>440</v>
      </c>
      <c r="B102" s="165">
        <v>94</v>
      </c>
      <c r="C102" s="161">
        <v>4.5</v>
      </c>
      <c r="D102" s="87">
        <v>0.31359999999999999</v>
      </c>
      <c r="E102" s="169">
        <v>0.28399999999999997</v>
      </c>
      <c r="F102" s="97">
        <v>9.1934964912032999E-2</v>
      </c>
      <c r="G102" s="168">
        <v>0.35699999999999998</v>
      </c>
      <c r="H102" s="97">
        <v>9.713996606003833E-2</v>
      </c>
      <c r="I102" s="168">
        <v>0.26400000000000001</v>
      </c>
      <c r="J102" s="97">
        <v>9.0069774367929886E-2</v>
      </c>
      <c r="K102" s="96">
        <v>9.4E-2</v>
      </c>
      <c r="L102" s="97">
        <v>6.3356905380486508E-2</v>
      </c>
    </row>
    <row r="103" spans="1:12">
      <c r="A103" s="45" t="s">
        <v>475</v>
      </c>
      <c r="B103" s="164">
        <v>265</v>
      </c>
      <c r="C103" s="159">
        <v>4.6100000000000003</v>
      </c>
      <c r="D103" s="86">
        <v>0.19600000000000001</v>
      </c>
      <c r="E103" s="167">
        <v>0.224</v>
      </c>
      <c r="F103" s="94">
        <v>5.1168155422872022E-2</v>
      </c>
      <c r="G103" s="166">
        <v>0.48099999999999998</v>
      </c>
      <c r="H103" s="94">
        <v>6.0928339434799715E-2</v>
      </c>
      <c r="I103" s="166">
        <v>0.13800000000000001</v>
      </c>
      <c r="J103" s="94">
        <v>4.2736200185343368E-2</v>
      </c>
      <c r="K103" s="93">
        <v>0.158</v>
      </c>
      <c r="L103" s="94">
        <v>4.5050755505668581E-2</v>
      </c>
    </row>
    <row r="104" spans="1:12">
      <c r="A104" s="49" t="s">
        <v>441</v>
      </c>
      <c r="B104" s="165">
        <v>83</v>
      </c>
      <c r="C104" s="161">
        <v>4.72</v>
      </c>
      <c r="D104" s="87">
        <v>0.25480000000000003</v>
      </c>
      <c r="E104" s="169">
        <v>0.19500000000000001</v>
      </c>
      <c r="F104" s="97">
        <v>8.7186516615967435E-2</v>
      </c>
      <c r="G104" s="168">
        <v>0.69799999999999995</v>
      </c>
      <c r="H104" s="97">
        <v>9.9265832055359118E-2</v>
      </c>
      <c r="I104" s="168">
        <v>4.4999999999999998E-2</v>
      </c>
      <c r="J104" s="97">
        <v>5.3207101092822819E-2</v>
      </c>
      <c r="K104" s="96">
        <v>6.0999999999999999E-2</v>
      </c>
      <c r="L104" s="97">
        <v>5.8562504625933647E-2</v>
      </c>
    </row>
    <row r="105" spans="1:12" ht="25.5">
      <c r="A105" s="45" t="s">
        <v>442</v>
      </c>
      <c r="B105" s="164">
        <v>107</v>
      </c>
      <c r="C105" s="159">
        <v>4.25</v>
      </c>
      <c r="D105" s="86">
        <v>0.31359999999999999</v>
      </c>
      <c r="E105" s="167">
        <v>0.16300000000000001</v>
      </c>
      <c r="F105" s="94">
        <v>7.2153158650782728E-2</v>
      </c>
      <c r="G105" s="166">
        <v>0.36899999999999999</v>
      </c>
      <c r="H105" s="94">
        <v>9.1838782289519874E-2</v>
      </c>
      <c r="I105" s="166">
        <v>0.23899999999999999</v>
      </c>
      <c r="J105" s="94">
        <v>8.2023982423683736E-2</v>
      </c>
      <c r="K105" s="93">
        <v>0.22900000000000001</v>
      </c>
      <c r="L105" s="94">
        <v>8.0930773412782292E-2</v>
      </c>
    </row>
    <row r="106" spans="1:12">
      <c r="A106" s="49" t="s">
        <v>462</v>
      </c>
      <c r="B106" s="165">
        <v>71</v>
      </c>
      <c r="C106" s="161">
        <v>4.95</v>
      </c>
      <c r="D106" s="87">
        <v>0.45080000000000003</v>
      </c>
      <c r="E106" s="169">
        <v>0.318</v>
      </c>
      <c r="F106" s="97">
        <v>0.10839803375557175</v>
      </c>
      <c r="G106" s="168">
        <v>0.40300000000000002</v>
      </c>
      <c r="H106" s="97">
        <v>0.11350603233047753</v>
      </c>
      <c r="I106" s="168">
        <v>8.3000000000000004E-2</v>
      </c>
      <c r="J106" s="97">
        <v>7.0866839410262963E-2</v>
      </c>
      <c r="K106" s="96">
        <v>0.19700000000000001</v>
      </c>
      <c r="L106" s="97">
        <v>9.4579156096890604E-2</v>
      </c>
    </row>
    <row r="107" spans="1:12">
      <c r="A107" s="45" t="s">
        <v>450</v>
      </c>
      <c r="B107" s="164">
        <v>302</v>
      </c>
      <c r="C107" s="159">
        <v>3.79</v>
      </c>
      <c r="D107" s="86">
        <v>0.1764</v>
      </c>
      <c r="E107" s="167">
        <v>8.3000000000000004E-2</v>
      </c>
      <c r="F107" s="94">
        <v>3.2464642297040831E-2</v>
      </c>
      <c r="G107" s="166">
        <v>0.40800000000000003</v>
      </c>
      <c r="H107" s="94">
        <v>5.6215718356918673E-2</v>
      </c>
      <c r="I107" s="166">
        <v>0.32800000000000001</v>
      </c>
      <c r="J107" s="94">
        <v>5.3770801751783899E-2</v>
      </c>
      <c r="K107" s="93">
        <v>0.18099999999999999</v>
      </c>
      <c r="L107" s="94">
        <v>4.4410743260362956E-2</v>
      </c>
    </row>
    <row r="108" spans="1:12">
      <c r="A108" s="49" t="s">
        <v>443</v>
      </c>
      <c r="B108" s="165">
        <v>154</v>
      </c>
      <c r="C108" s="161">
        <v>4.1100000000000003</v>
      </c>
      <c r="D108" s="87">
        <v>0.19600000000000001</v>
      </c>
      <c r="E108" s="169">
        <v>8.8999999999999996E-2</v>
      </c>
      <c r="F108" s="97">
        <v>4.7606960634355877E-2</v>
      </c>
      <c r="G108" s="168">
        <v>0.51600000000000001</v>
      </c>
      <c r="H108" s="97">
        <v>7.9517022769357043E-2</v>
      </c>
      <c r="I108" s="168">
        <v>0.21099999999999999</v>
      </c>
      <c r="J108" s="97">
        <v>6.5729476436519732E-2</v>
      </c>
      <c r="K108" s="96">
        <v>0.184</v>
      </c>
      <c r="L108" s="97">
        <v>6.2669718930964388E-2</v>
      </c>
    </row>
    <row r="109" spans="1:12">
      <c r="A109" s="57" t="s">
        <v>444</v>
      </c>
      <c r="B109" s="164">
        <v>148</v>
      </c>
      <c r="C109" s="159">
        <v>3.57</v>
      </c>
      <c r="D109" s="86">
        <v>0.27440000000000003</v>
      </c>
      <c r="E109" s="167">
        <v>7.8E-2</v>
      </c>
      <c r="F109" s="94">
        <v>4.6216172618028385E-2</v>
      </c>
      <c r="G109" s="166">
        <v>0.33199999999999996</v>
      </c>
      <c r="H109" s="94">
        <v>7.6647162885290096E-2</v>
      </c>
      <c r="I109" s="166">
        <v>0.41100000000000003</v>
      </c>
      <c r="J109" s="94">
        <v>7.9883205744350094E-2</v>
      </c>
      <c r="K109" s="93">
        <v>0.18</v>
      </c>
      <c r="L109" s="94">
        <v>6.3436366698569988E-2</v>
      </c>
    </row>
    <row r="110" spans="1:12">
      <c r="A110" s="49" t="s">
        <v>451</v>
      </c>
      <c r="B110" s="165">
        <v>92</v>
      </c>
      <c r="C110" s="161">
        <v>3.82</v>
      </c>
      <c r="D110" s="87">
        <v>0.3332</v>
      </c>
      <c r="E110" s="169">
        <v>0.09</v>
      </c>
      <c r="F110" s="97">
        <v>6.3119098092269038E-2</v>
      </c>
      <c r="G110" s="168">
        <v>0.43400000000000005</v>
      </c>
      <c r="H110" s="97">
        <v>0.10124216790695466</v>
      </c>
      <c r="I110" s="168">
        <v>0.29699999999999999</v>
      </c>
      <c r="J110" s="97">
        <v>9.4019842748431642E-2</v>
      </c>
      <c r="K110" s="96">
        <v>0.18</v>
      </c>
      <c r="L110" s="97">
        <v>8.0611091967223394E-2</v>
      </c>
    </row>
    <row r="111" spans="1:12">
      <c r="A111" s="57" t="s">
        <v>452</v>
      </c>
      <c r="B111" s="164">
        <v>321</v>
      </c>
      <c r="C111" s="159">
        <v>4.21</v>
      </c>
      <c r="D111" s="86">
        <v>0.1764</v>
      </c>
      <c r="E111" s="167">
        <v>0.17199999999999999</v>
      </c>
      <c r="F111" s="94">
        <v>4.2251689057257458E-2</v>
      </c>
      <c r="G111" s="166">
        <v>0.39800000000000002</v>
      </c>
      <c r="H111" s="94">
        <v>5.4332370005479982E-2</v>
      </c>
      <c r="I111" s="166">
        <v>0.26100000000000001</v>
      </c>
      <c r="J111" s="94">
        <v>4.8898815808986272E-2</v>
      </c>
      <c r="K111" s="93">
        <v>0.16900000000000001</v>
      </c>
      <c r="L111" s="94">
        <v>4.1969848507834716E-2</v>
      </c>
    </row>
    <row r="112" spans="1:12">
      <c r="A112" s="49" t="s">
        <v>445</v>
      </c>
      <c r="B112" s="165">
        <v>104</v>
      </c>
      <c r="C112" s="161">
        <v>3.94</v>
      </c>
      <c r="D112" s="87">
        <v>0.3528</v>
      </c>
      <c r="E112" s="169">
        <v>0.14899999999999999</v>
      </c>
      <c r="F112" s="97">
        <v>7.0908391604943347E-2</v>
      </c>
      <c r="G112" s="168">
        <v>0.3</v>
      </c>
      <c r="H112" s="97">
        <v>8.8800253019005501E-2</v>
      </c>
      <c r="I112" s="168">
        <v>0.35199999999999998</v>
      </c>
      <c r="J112" s="97">
        <v>9.2233293554841583E-2</v>
      </c>
      <c r="K112" s="96">
        <v>0.19900000000000001</v>
      </c>
      <c r="L112" s="97">
        <v>7.8406798641834557E-2</v>
      </c>
    </row>
    <row r="113" spans="1:23">
      <c r="A113" s="57" t="s">
        <v>446</v>
      </c>
      <c r="B113" s="164">
        <v>123</v>
      </c>
      <c r="C113" s="159">
        <v>4.2699999999999996</v>
      </c>
      <c r="D113" s="86">
        <v>0.27440000000000003</v>
      </c>
      <c r="E113" s="167">
        <v>0.14099999999999999</v>
      </c>
      <c r="F113" s="94">
        <v>6.3768685816385215E-2</v>
      </c>
      <c r="G113" s="166">
        <v>0.49299999999999999</v>
      </c>
      <c r="H113" s="94">
        <v>8.8727493631769086E-2</v>
      </c>
      <c r="I113" s="166">
        <v>0.20600000000000002</v>
      </c>
      <c r="J113" s="94">
        <v>7.2941146099238172E-2</v>
      </c>
      <c r="K113" s="93">
        <v>0.16</v>
      </c>
      <c r="L113" s="94">
        <v>6.67743206651851E-2</v>
      </c>
    </row>
    <row r="114" spans="1:23">
      <c r="A114" s="49" t="s">
        <v>447</v>
      </c>
      <c r="B114" s="165">
        <v>94</v>
      </c>
      <c r="C114" s="161">
        <v>4.41</v>
      </c>
      <c r="D114" s="87">
        <v>0.3528</v>
      </c>
      <c r="E114" s="169">
        <v>0.23699999999999999</v>
      </c>
      <c r="F114" s="97">
        <v>8.7215944836669307E-2</v>
      </c>
      <c r="G114" s="168">
        <v>0.378</v>
      </c>
      <c r="H114" s="97">
        <v>9.8209734766936174E-2</v>
      </c>
      <c r="I114" s="168">
        <v>0.23699999999999999</v>
      </c>
      <c r="J114" s="97">
        <v>8.7215944836669307E-2</v>
      </c>
      <c r="K114" s="96">
        <v>0.14899999999999999</v>
      </c>
      <c r="L114" s="97">
        <v>7.4683269992358553E-2</v>
      </c>
    </row>
    <row r="115" spans="1:23">
      <c r="A115" s="57" t="s">
        <v>453</v>
      </c>
      <c r="B115" s="164">
        <v>101</v>
      </c>
      <c r="C115" s="159">
        <v>4.13</v>
      </c>
      <c r="D115" s="86">
        <v>0.31359999999999999</v>
      </c>
      <c r="E115" s="167">
        <v>0.19800000000000001</v>
      </c>
      <c r="F115" s="94">
        <v>7.9429517517761727E-2</v>
      </c>
      <c r="G115" s="166">
        <v>0.372</v>
      </c>
      <c r="H115" s="94">
        <v>9.4584913229349671E-2</v>
      </c>
      <c r="I115" s="166">
        <v>0.3</v>
      </c>
      <c r="J115" s="94">
        <v>9.0077124448943127E-2</v>
      </c>
      <c r="K115" s="93">
        <v>0.13</v>
      </c>
      <c r="L115" s="94">
        <v>6.8544542474153536E-2</v>
      </c>
    </row>
    <row r="116" spans="1:23">
      <c r="A116" s="49" t="s">
        <v>459</v>
      </c>
      <c r="B116" s="165">
        <v>327</v>
      </c>
      <c r="C116" s="161">
        <v>4.08</v>
      </c>
      <c r="D116" s="87">
        <v>0.1764</v>
      </c>
      <c r="E116" s="169">
        <v>0.252</v>
      </c>
      <c r="F116" s="97">
        <v>4.7914011552587094E-2</v>
      </c>
      <c r="G116" s="168">
        <v>0.36299999999999999</v>
      </c>
      <c r="H116" s="97">
        <v>5.291295827497243E-2</v>
      </c>
      <c r="I116" s="168">
        <v>0.379</v>
      </c>
      <c r="J116" s="97">
        <v>5.3371040371926602E-2</v>
      </c>
      <c r="K116" s="96">
        <v>6.0000000000000001E-3</v>
      </c>
      <c r="L116" s="97">
        <v>1.1954856011891014E-2</v>
      </c>
    </row>
    <row r="118" spans="1:23">
      <c r="I118" s="249"/>
      <c r="J118" s="249"/>
      <c r="K118" s="249"/>
      <c r="L118" s="249"/>
      <c r="M118" s="249"/>
      <c r="N118" s="249"/>
      <c r="O118" s="249"/>
      <c r="P118" s="249"/>
      <c r="Q118" s="249"/>
      <c r="R118" s="249"/>
      <c r="S118" s="249"/>
      <c r="T118" s="249"/>
      <c r="U118" s="249"/>
      <c r="V118" s="249"/>
      <c r="W118" s="249"/>
    </row>
  </sheetData>
  <mergeCells count="13">
    <mergeCell ref="A3:D3"/>
    <mergeCell ref="A4:D4"/>
    <mergeCell ref="A5:D5"/>
    <mergeCell ref="B34:J34"/>
    <mergeCell ref="K34:S34"/>
    <mergeCell ref="A33:S33"/>
    <mergeCell ref="A32:S32"/>
    <mergeCell ref="A63:L63"/>
    <mergeCell ref="A62:L62"/>
    <mergeCell ref="A61:L61"/>
    <mergeCell ref="A92:L92"/>
    <mergeCell ref="A91:L91"/>
    <mergeCell ref="A90:L90"/>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31240</cp:lastModifiedBy>
  <dcterms:created xsi:type="dcterms:W3CDTF">2014-05-19T04:59:05Z</dcterms:created>
  <dcterms:modified xsi:type="dcterms:W3CDTF">2018-11-01T23:59:59Z</dcterms:modified>
</cp:coreProperties>
</file>